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8201"/>
  <workbookPr autoCompressPictures="0"/>
  <mc:AlternateContent xmlns:mc="http://schemas.openxmlformats.org/markup-compatibility/2006">
    <mc:Choice Requires="x15">
      <x15ac:absPath xmlns:x15ac="http://schemas.microsoft.com/office/spreadsheetml/2010/11/ac" url="C:\Users\s431240\Dropbox\2016 RWS\Data tables\Reported Regions\NRMs\"/>
    </mc:Choice>
  </mc:AlternateContent>
  <bookViews>
    <workbookView xWindow="2085" yWindow="285" windowWidth="20370" windowHeight="11640" tabRatio="909"/>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2262" uniqueCount="469">
  <si>
    <t>Rural and regional Australia</t>
  </si>
  <si>
    <t>Index of data tables</t>
  </si>
  <si>
    <t>Community wellbeing (average score, from a possible 1-7)</t>
  </si>
  <si>
    <t>Household financial wellbeing</t>
  </si>
  <si>
    <t>Explanatory notes</t>
  </si>
  <si>
    <t>Why aren't data from every survey question reported for every region?</t>
  </si>
  <si>
    <t>General health</t>
  </si>
  <si>
    <t>Community leadership and collaboration</t>
  </si>
  <si>
    <t>Wellbeing</t>
  </si>
  <si>
    <t>Global Life Satisfaction</t>
  </si>
  <si>
    <t>Personal Wellbeing Index</t>
  </si>
  <si>
    <t>Community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Feeling life is worthwhile</t>
  </si>
  <si>
    <t xml:space="preserve">Community wellbeing measures </t>
  </si>
  <si>
    <t xml:space="preserve">Changes in community liveability </t>
  </si>
  <si>
    <t>Migration intentions</t>
  </si>
  <si>
    <t>Household financial measures</t>
  </si>
  <si>
    <t>Financial distress</t>
  </si>
  <si>
    <t>Community economic measures</t>
  </si>
  <si>
    <t>Self-efficacy</t>
  </si>
  <si>
    <t>Self-efficacy measures</t>
  </si>
  <si>
    <t>Community leadership and collaboration measures</t>
  </si>
  <si>
    <t>Institutional capital</t>
  </si>
  <si>
    <t>Human capital</t>
  </si>
  <si>
    <t>Financial capital</t>
  </si>
  <si>
    <t>Having a say and being heard measures</t>
  </si>
  <si>
    <t>Equity and inclusion</t>
  </si>
  <si>
    <t>Equity and inclusion measures</t>
  </si>
  <si>
    <t>Social capital</t>
  </si>
  <si>
    <t>Spending time with friends and family measures</t>
  </si>
  <si>
    <t>Getting involved</t>
  </si>
  <si>
    <t>Getting involved measures</t>
  </si>
  <si>
    <t>Sense of belonging measures</t>
  </si>
  <si>
    <t xml:space="preserve">Access to health, education, aged care and child care </t>
  </si>
  <si>
    <t>Physical capital</t>
  </si>
  <si>
    <t>Access to health, education, aged care and child care measures</t>
  </si>
  <si>
    <t xml:space="preserve">Access to roads and public transport </t>
  </si>
  <si>
    <t>Access to roads and public transport measures</t>
  </si>
  <si>
    <t>Access to food and retail shops</t>
  </si>
  <si>
    <t>Access to food and retail shops measures</t>
  </si>
  <si>
    <t>Access to financial and professional services</t>
  </si>
  <si>
    <t>Access to financial and professional services measures</t>
  </si>
  <si>
    <t>Telecommunications</t>
  </si>
  <si>
    <t>Telecommunications measure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Each individual item used to create the 'community leadership and collaboration'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equity and inclusion' scale is presented individually</t>
  </si>
  <si>
    <t>Each individual item used to create the 'spending time with friends and family' scale is presented individually</t>
  </si>
  <si>
    <t xml:space="preserve">Getting involved </t>
  </si>
  <si>
    <t>Each individual item used to create the 'getting involved' scale is presented individually</t>
  </si>
  <si>
    <t>Participation in volunteering - distribution of responses</t>
  </si>
  <si>
    <t>Each individual item used to create the 'sense of belonging' scale is presented individually</t>
  </si>
  <si>
    <t>Access to health, education, aged care and child care (average score, from a possible 1-7)</t>
  </si>
  <si>
    <t>Each individual item used to create the 'access to health, education, aged care and child care' scale is presented individually</t>
  </si>
  <si>
    <t>Access to roads and public transport (average score, from a possible 1-7)</t>
  </si>
  <si>
    <t>Each individual item used to create the 'access to roads and public transport ' scale is presented individually</t>
  </si>
  <si>
    <t>Access to food and retail shops  (average score, from a possible 1-7)</t>
  </si>
  <si>
    <t>Each individual item used to create the 'access to food and retail shops ' scale is presented individually</t>
  </si>
  <si>
    <t>Access to financial and professional services (average score, from a possible 1-7)</t>
  </si>
  <si>
    <t>Each individual item used to create the 'access to financial and professional services' scale is presented individually</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health</t>
  </si>
  <si>
    <t>….what you are currently achieving in life</t>
  </si>
  <si>
    <t>….your personal relationships</t>
  </si>
  <si>
    <t>….how safe you feel</t>
  </si>
  <si>
    <t>….feeling part of your community</t>
  </si>
  <si>
    <t>….your future security</t>
  </si>
  <si>
    <t>Feeling life is worthwhile
(average score, from a possible 0-100)</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 xml:space="preserve">Measured from 1 (strongly disagree) to 7 (strongly agree)
</t>
  </si>
  <si>
    <t xml:space="preserve">Each individual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My community is a great place to live
(Measured 'strongly disagree' (1) to 'strongly agree' (7))
</t>
  </si>
  <si>
    <t>This community copes pretty well when faced with challenges
(Measured 'strongly disagree' (1) to 'strongly agree' (7))</t>
  </si>
  <si>
    <t>Disagree</t>
  </si>
  <si>
    <t>Neither agree/disagree</t>
  </si>
  <si>
    <t>Agree</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 xml:space="preserve">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Likelihood of shifting in the next 12 months 
(measured 'very unlikely' (1) to 'very likely' (5))</t>
  </si>
  <si>
    <t xml:space="preserve">Confidence interval for % who were unlikely to shift </t>
  </si>
  <si>
    <t>Confidence interval for % who neither likely or unlikely to shift</t>
  </si>
  <si>
    <t>Confidence interval for % who  were likely to shift</t>
  </si>
  <si>
    <t>There is 95% confidence that if the survey was repeated, the value would fall between the %  ± the confidence interval</t>
  </si>
  <si>
    <t>Household financial wellbeing
 (average score, from a possible 1-7)</t>
  </si>
  <si>
    <t>Measured from 1 (lowest level of financial wellbeing) to 7 (highest level of financial wellbeing)</t>
  </si>
  <si>
    <t>Household income  - distribution of responses</t>
  </si>
  <si>
    <t>Self-rated financial wellbeing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Financial distress score 
(average score, from a possible 0-10)</t>
  </si>
  <si>
    <t xml:space="preserve">Financial distress - distribution of responses
</t>
  </si>
  <si>
    <t>Confidence interval for no financial distress</t>
  </si>
  <si>
    <t>Confidence interval for low financial distress</t>
  </si>
  <si>
    <t>Confidence interval for moderate financial distress</t>
  </si>
  <si>
    <t>Community economic wellbeing
 (average score, from a possible 1-7)</t>
  </si>
  <si>
    <t>Measured from 1 (low levels of community economic wellbeing) to 7 (high levels of community economic wellbeing)</t>
  </si>
  <si>
    <t>This community is financially well-off
(Measured 'strongly disagree' (1) to 'strongly agree' (7))</t>
  </si>
  <si>
    <t>Local businesses in this town are doing pretty well at the moment
(Measured 'strongly disagree' (1) to 'strongly agree' (7))</t>
  </si>
  <si>
    <t xml:space="preserve">Respondents were asked ‘how would you rate your general health?’, and asked to select one of the following options: excellent, very good, good, fair or poor. </t>
  </si>
  <si>
    <t>General health
 (average score, from a possible 1-5)</t>
  </si>
  <si>
    <t>Good</t>
  </si>
  <si>
    <t>Confidence interval for % good</t>
  </si>
  <si>
    <t>Measured from 1 (poor) to 5 (excellent)</t>
  </si>
  <si>
    <t>Measured from 10 (no distress at all) to a maximum of 50 (the most severe distress)</t>
  </si>
  <si>
    <t>Self-efficacy
 (average score, from a possible 1-7)</t>
  </si>
  <si>
    <t>Measured from 1 (low levels of self-efficacy) to 7 (high levels of self-efficacy)</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Each individual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My local government is able to help our community face challenges 
(Measured 'strongly disagree' (1) to 'strongly agree' (7))</t>
  </si>
  <si>
    <t>The people who make decisions for my community represent the whole community, not just part of it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Equity and inclusion
(average score, from a possible 1-7)</t>
  </si>
  <si>
    <t>Measured from 1 (low levels of inclusion and equity) to 7 (high levels of inclusion and equity)</t>
  </si>
  <si>
    <t>Each individual item used to create the 'equity and inclusion' scale is presented individually. 
The questions were measured on a 7-point scale, from 'strongly disagree' (1) to 'strongly agree' (7), and included: (i) Some groups in this community keep to themselves; (ii) Some individuals get left out in this community; and (iii) There is a lot of disagreement between people in this community.</t>
  </si>
  <si>
    <t>Some groups in this community keep to themselves
(Measured 'strongly disagree' (1) to 'strongly agree' (7))</t>
  </si>
  <si>
    <t>There is a lot of disagreement between people in this community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Spending time with friends and family
(average score, from a possible 1-7)</t>
  </si>
  <si>
    <t>Measured from 1 (low levels of informal social connectedness) to 7 (high levels of informal social connectedness)</t>
  </si>
  <si>
    <t>Each individual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I make time to keep in touch with my friends
'(Measured 'never' (1) to 'all the time' (7))</t>
  </si>
  <si>
    <t>I chat with my neighbours
'(Measured 'never' (1) to 'all the time' (7))</t>
  </si>
  <si>
    <t>I spend time doing things with family members who don’t live with me
'(Measured 'never' (1) to 'all the time' (7))</t>
  </si>
  <si>
    <t>% Never/rarely</t>
  </si>
  <si>
    <t>% Sometimes</t>
  </si>
  <si>
    <t>%  Regularly/all the time</t>
  </si>
  <si>
    <t>Getting involved
 (average score, from a possible 1-7)</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Regularly volunteer</t>
  </si>
  <si>
    <t>Confidence interval for % who regularly volunteer</t>
  </si>
  <si>
    <t>Measured from 1 (low sense of belonging) to 7 (high sense of belonging)</t>
  </si>
  <si>
    <t>I feel welcome here
(Measured 'strongly disagree' (1) to 'strongly agree' (7))</t>
  </si>
  <si>
    <t>I feel part of my community 
(Measured 'strongly disagree' (1) to 'strongly agree' (7))</t>
  </si>
  <si>
    <t>I feel like an outsider here 
(Measured 'strongly disagree' (1) to 'strongly agree' (7))</t>
  </si>
  <si>
    <t>There is 95% confidence that if the survey was repeated, the value would fall between the %± the confidence interval</t>
  </si>
  <si>
    <t xml:space="preserve"> Access to health, education, aged care and child care
(average score, from a possible 1-7)</t>
  </si>
  <si>
    <t>Measured from 1 (very poor) to 7 (very good)</t>
  </si>
  <si>
    <t>Mental health services e.g. psychologist, psychiatrist
(Measured 'very poor' (1) to 'very good' (7))</t>
  </si>
  <si>
    <t>Specialist health services (other than mental health)
(Measured 'very poor' (1) to 'very good' (7))</t>
  </si>
  <si>
    <t>Education e.g. schools, distance education, vocational training
(Measured 'very poor' (1) to 'very good' (7))</t>
  </si>
  <si>
    <t>Child care
(Measured 'very poor' (1) to 'very good' (7))</t>
  </si>
  <si>
    <t>% poor</t>
  </si>
  <si>
    <t>Confidence interval for % poor</t>
  </si>
  <si>
    <t>% neither poor nor good</t>
  </si>
  <si>
    <t>Confidence interval for % neither poor nor good</t>
  </si>
  <si>
    <t>% good</t>
  </si>
  <si>
    <t xml:space="preserve">Access to roads and public transport was measured by asking respondents to rate their access to the following types of services in their local community, on a scale ranging from 'very poor' (1) to 'very good' (7): (i) Roads; and (ii) Public transport (including taxis, buses, trains).
A single measure of overall access to roads and public transport was then constructed based on the average score of a person’s responses to these two items.
</t>
  </si>
  <si>
    <t xml:space="preserve"> Access to roads and public transport
(average score, from a possible 1-7)</t>
  </si>
  <si>
    <t>Each individual item used to create the 'access to roads and public transport' scale is presented individually. 
The questions were measured on a 7-point scale, from 'very poor' (1) to 'very good' (7), and included: 
 (i) Roads; and (ii) Public transport (including taxis, buses, trains).</t>
  </si>
  <si>
    <t>Roads
(Measured 'very poor' (1) to 'very good' (7))</t>
  </si>
  <si>
    <t>Public transport (including taxis, buses, trains)
(Measured 'very poor' (1) to 'very good' (7))</t>
  </si>
  <si>
    <t xml:space="preserve">Access to food and retail shops was measured by asking respondents to rate their access to the following types of services in their local community, on a scale ranging from 'very poor' (1) to 'very good' (7): (i) Fresh fruit and vegetables; (ii) Affordable food; and (iii) Retail shops.
A single measure of overall access to food and retail was then constructed based on the average score of a person’s responses to these three items.
</t>
  </si>
  <si>
    <t>Access to food and retail shops
(average score, from a possible 1-7)</t>
  </si>
  <si>
    <t>Each individual item used to create the 'access to food and retail shops' scale is presented individually. 
The questions were measured on a 7-point scale, from 'very poor' (1) to 'very good' (7), and included: 
(i) Fresh fruit and vegetables; (ii) Affordable food; and (iii) Retail shops.</t>
  </si>
  <si>
    <t>Fresh fruit and vegetables
(Measured 'very poor' (1) to 'very good' (7))</t>
  </si>
  <si>
    <t>Affordable food 
(Measured 'very poor' (1) to 'very good' (7))</t>
  </si>
  <si>
    <t>Retail shops
(Measured 'very poor' (1) to 'very good' (7))</t>
  </si>
  <si>
    <t>Access to financial and professional services
(average score, from a possible 1-7)</t>
  </si>
  <si>
    <t>Banking and financial services
(Measured 'very poor' (1) to 'very good' (7))</t>
  </si>
  <si>
    <t>Professional services e.g. accountants, lawyers
(Measured 'very poor' (1) to 'very good' (7))</t>
  </si>
  <si>
    <t>Telecommunications
(average score, from a possible 1-7)</t>
  </si>
  <si>
    <t>Crime and safety in the local community
(average score, from a possible 1-7)</t>
  </si>
  <si>
    <t>Measured from 1 (low levels of safety) to 7 (high levels of safety)</t>
  </si>
  <si>
    <t>Each individual item used to create the 'crime and safety' scale is presented individually. 
The questions were measured on a 7-point scale, from 'strongly disagree (1) to 'strongly agree' (7), and included: 
(i) This is a safe place to live; (ii) There is a high crime rate in this community; (iii) Many people in this community abuse drugs; and (iv)Many people in this community drink too much alcohol.</t>
  </si>
  <si>
    <t>This is a safe place to live
(Measured 'strongly disagree' (1) to 'strongly agree' (7))</t>
  </si>
  <si>
    <t>There is a high crime rate in this community
(Measured 'strongly disagree' (1) to 'strongly agree' (7))</t>
  </si>
  <si>
    <t>Many people in this community drink too much alcohol 
(Measured 'strongly disagree' (1) to 'strongly agree' (7))</t>
  </si>
  <si>
    <t>Many people in this community abuse drugs
(Measured 'strongly disagree' (1) to 'strongly agree' (7))</t>
  </si>
  <si>
    <t>Landscape and aesthetics
(average score, from a possible 1-7)</t>
  </si>
  <si>
    <t>Measured from 1 (low landscape and aesthetics) to 7 (high landscape and aesthetics)</t>
  </si>
  <si>
    <t>There are attractive buildings / homes in my community
(Measured 'strongly disagree' (1) to 'strongly agree' (7))</t>
  </si>
  <si>
    <t>There are attractive natural places in my community e.g. parks, bushland
(Measured 'strongly disagree' (1) to 'strongly agree' (7))</t>
  </si>
  <si>
    <t>Perceived environmental health
(average score, from a possible 1-7)</t>
  </si>
  <si>
    <t>Measured from 1 (poor environmental health) to 7 (good environmental health)</t>
  </si>
  <si>
    <t>Soil eros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  Big problem</t>
  </si>
  <si>
    <t>Confidence interval for % Big problem</t>
  </si>
  <si>
    <t>Confidence interval for % Moderate problem</t>
  </si>
  <si>
    <t>% Not a problem</t>
  </si>
  <si>
    <t>Confidence interval for % Not a problem</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xml:space="preserve">% residents who were unlikely to shift </t>
  </si>
  <si>
    <t xml:space="preserve">% residents who were neither likely or unlikely to shift </t>
  </si>
  <si>
    <t xml:space="preserve">% residents who were likely to shift  </t>
  </si>
  <si>
    <t>% residents who had a score of 1 or 2 out of 5</t>
  </si>
  <si>
    <t>% residents who had a score of 3 out of 5</t>
  </si>
  <si>
    <t>% residents who had a score of 4 or 5 out of 5</t>
  </si>
  <si>
    <t>% residents $0-$51,999</t>
  </si>
  <si>
    <t>% residents who were poor or very poor</t>
  </si>
  <si>
    <t>% residents who were just getting along</t>
  </si>
  <si>
    <t>% residents who were reasonably comfortable</t>
  </si>
  <si>
    <t>% residents who were very comfortable or prosperous</t>
  </si>
  <si>
    <t>% residents who indicated they were poor or very poor</t>
  </si>
  <si>
    <t>% residents who indicated they were just getting along</t>
  </si>
  <si>
    <t>% residents who indicated they were reasonably comfortable</t>
  </si>
  <si>
    <t>% residents who indicated they were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Moderate problem</t>
  </si>
  <si>
    <t>% residents whose income is between $0 and $51,999</t>
  </si>
  <si>
    <t>The 'feeling life is worthwhile' score was calculated based on respondents' rating on a scale from 'not at all worthwhile' (0) to 'completely worthwhile' (10) when asked 'Overall, to what etent do you feel the things you do in your life are worthwhile?'. Scores have been multiplied by 10 (so life satisfaction is measured on a scale of 0 to 100).</t>
  </si>
  <si>
    <t>Measured from 0 (not at all worthwhile) to 100 (completely worthwhile)</t>
  </si>
  <si>
    <t>Migration intentions was measured by asking respondents 'How likely are you to shift to a new community in the next 12 months? 
Measured using a 5-point scale from 'very unlikely' (1) to 'very likely' (5)</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 residents who selected 1 of the financial distress items</t>
  </si>
  <si>
    <t>% residents who selected 2, 3 or 4 of the financial distress items</t>
  </si>
  <si>
    <t>Measured from 0 (no financial distress) to 4 (highest level of financial distress)</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There are plenty of jobs available around here at the moment
(Measured 'strongly disagree' (1) to 'strongly agree' (7))</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ii) This community is financially well-off; (iii) There are plenty of jobs available around here at the moment; and (iv)Local businesses in this town are doing pretty well at the moment.</t>
  </si>
  <si>
    <t xml:space="preserve">% residents with no or very low financial distress  </t>
  </si>
  <si>
    <t xml:space="preserve">% residents with low-moderate financial distress </t>
  </si>
  <si>
    <t xml:space="preserve">% residents with high financial distress </t>
  </si>
  <si>
    <t>Fair</t>
  </si>
  <si>
    <t>Poor</t>
  </si>
  <si>
    <t>Very good</t>
  </si>
  <si>
    <t>Excellent</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 xml:space="preserve">Respondents were asked to identify how much they agreed or disagreed, on a 7-point response format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Low probability of serious mental illness (6-18)</t>
  </si>
  <si>
    <t>High probability of serious mental illness (19-30)</t>
  </si>
  <si>
    <t>Each individual item used to create the 'self-efficacy' scale is presented individually. 
The self-efficacy questions were measured on a 7-point scale, from 'strongly disagree' (1) to 'strongly agree' (7), and included: 
 (i) I am confident I can achieve the things I want in life, and (ii) I am confident I can achieve the things I want in my work.</t>
  </si>
  <si>
    <t xml:space="preserve"> I am confident I can achieve the things I want in life
(Measured 'strongly disagree' (1) to 'strongly agree' (7))</t>
  </si>
  <si>
    <t>I am confident I can achieve the things I want in my work
(Measured 'strongly disagree' (1) to 'strongly agree' (7))</t>
  </si>
  <si>
    <t>K6 psychological distress (average score, from a possible 6-30)</t>
  </si>
  <si>
    <t>K6 psychological distress - distribution of response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feelings of having a say and being heard) to 7 (high feelings of having a say and being heard).</t>
  </si>
  <si>
    <t>Most people get a fair go around here
(Measured 'strongly disagree' (1) to 'strongly agree' (7))</t>
  </si>
  <si>
    <t xml:space="preserve">Equity and inclusion was measured by asking survey participants how much they agreed with the following three statements, from 'strongly disagree' (1) to 'strongly agree' (7): (i) Some groups in this community keep to themselves; (ii) Some groups who live in this community aren’t made to feel welcome; and (iii) There is a lot of disagreement between people in this community.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Some groups who live in this community aren’t made to feel welcome
(Measured 'strongly disagree' (1) to 'strongly agree' (7))</t>
  </si>
  <si>
    <t>The extent of a person’s involvement in local community activities was examined by asking survey participants how frequently they took part in the following types of activities, on a scale from 'never or almost never' (1) to 'all the time' (7): (i) I go to arts or cultural events; (ii) I attend community events such as farmers markets, community festivals; (iii) I attend meetings/social events of local clubs/groups e.g. Lions, CWA; and (iv)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go to arts or cultural events; (ii) I attend community events such as farmers markets, community festivals; (iii) I attend meetings/social events of local clubs/groups e.g. Lions, CWA; and (iv) I take part in sports groups or teams.</t>
  </si>
  <si>
    <t>I go to arts or cultural events 
'(Measured 'never or almost never' (1) to 'all the time' (7))</t>
  </si>
  <si>
    <t>I attend community events such as farmers markets, community festivals
'(Measured 'never or almost never' (1) to 'all the time' (7))</t>
  </si>
  <si>
    <t>I attend meetings/social events of local clubs/groups e.g. Lions, CWA
'(Measured 'never or almost never' (1) to 'all the time' (7))</t>
  </si>
  <si>
    <t>I take part in sports groups or teams
'(Measured 'never or almost never' (1) to 'all the time' (7))</t>
  </si>
  <si>
    <t>Never or almost never volunteer</t>
  </si>
  <si>
    <t xml:space="preserve">Respondents were asked how often they volunteer in their local community e.g. for groups like fire brigades, sports clubs, school canteen, meals on wheels, festivals, on a 7-point scale from 'never or almost never' (1) through to 'all the time' (7). </t>
  </si>
  <si>
    <t>Volunteering - distribution of responses
'(Measured 'never or almost never' (1) to 'all the time' (7))</t>
  </si>
  <si>
    <t>Each individual item used to create the 'sense of belonging' scale is presented individually. 
The questions were measured on a 7-point scale, from 'strongly disagree' (1) to 'strongly agree' (7), and included: 
 (i) I feel welcome here; (ii) I feel part of my community; and (iii) I feel like an outsider here</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General health services e.g. GP, general health consultation services
(Measured 'very poor' (1) to 'very good' (7))</t>
  </si>
  <si>
    <t>Aged care services e.g. retirement villages, in-home support
(Measured 'very poor' (1) to 'very good' (7))</t>
  </si>
  <si>
    <r>
      <t>Each individual item used to create the</t>
    </r>
    <r>
      <rPr>
        <sz val="12"/>
        <color indexed="10"/>
        <rFont val="Calibri"/>
        <family val="2"/>
      </rPr>
      <t xml:space="preserve"> </t>
    </r>
    <r>
      <rPr>
        <sz val="12"/>
        <rFont val="Calibri"/>
        <family val="2"/>
      </rPr>
      <t>'access to health, education, aged care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Education e.g. schools, distance education, vocational training; (v) AAged care services e.g. retirement villages, in-home support; and (vi) Child care.</t>
    </r>
  </si>
  <si>
    <t>Access to health, education, aged care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Education e.g. schools, distance education, vocational training; (v) Aged care services e.g. retirement villages, in-home support; and (vi) Child care.
A single measure of overall access to health, education, aged and child care was then constructed based on the average score of a person’s responses to these items, after excluding respondents who were unsure whether there was access to a given service.</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Each individual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 xml:space="preserve">Access to telecommunications was measured by asking respondents to rate their access to (i) mobile phone coverage in their community, as well as the following types of services in their home or property, on a scale ranging from 'very poor' (1) to 'very good' (7): (ii) Mobile phone coverage; (iii) Reliable internet (that doesn't regularly drop out or slow down); (iv) High speed internet; and (v) Affordable internet
The average of a person’s responses to these two items, which were highly correlated, was used to construct the ‘access to telecommunications’ measure.
</t>
  </si>
  <si>
    <t>Mobile phone coverage in the community
(Measured 'very poor' (1) to 'very good' (7))</t>
  </si>
  <si>
    <t>Each individual item used to create the 'telecommunications' scale is presented individually. 
The questions were measured on a 7-point scale, from 'very poor' (1) to 'very good' (7), and included: 
a) How good is your access to the following in your community? (i) Mobile phone coverage 
b) How good is your access to the following at your home or property?  (i) Mobile phone coverage; (ii) Reliable internet (that doesn't regularly drop out or slow down); (iii) High speed internet; and (iv) Affordable internet</t>
  </si>
  <si>
    <t>Mobile phone coverage at home or property
(Measured 'very poor' (1) to 'very good' (7))</t>
  </si>
  <si>
    <t>Reliable internet (that doesn't regularly drop out or slow down) at home or property
(Measured 'very poor' (1) to 'very good' (7))</t>
  </si>
  <si>
    <t>High speed internet at home or property
(Measured 'very poor' (1) to 'very good' (7))</t>
  </si>
  <si>
    <t>Affordable internet at home or property
(Measured 'very poor' (1) to 'very good' (7))</t>
  </si>
  <si>
    <t xml:space="preserve">Crime and safety was measured by asking respondents the extent to which they agreed or disagreed with the following statements, on a scale from 'strongly disagree (1) to 'strongly agree' (7): (i) This is a safe place to live; (ii) There is a high crime rate in this community; (iii) Many people in this community abuse drugs; and (iv) Many people in this community drink too much alcohol.
The ‘crime and safety’ scale was then calculated by taking the average score of these items. The scores for the second, third and fourth items were reversed, so that for the scale as a whole score of 1 indicated low levels of safety, and a score of 7 high levels of safety.
</t>
  </si>
  <si>
    <t xml:space="preserve">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
</t>
  </si>
  <si>
    <t xml:space="preserve">Each individual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I like the environment and surrounds I live in
(Measured 'strongly disagree' (1) to 'strongly agree' (7))</t>
  </si>
  <si>
    <t xml:space="preserve">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
</t>
  </si>
  <si>
    <t>Water quality problems other than salinity, in rivers, lake or waterways
(Measured 'Not a problem' (1) to 'Big problem' (7))</t>
  </si>
  <si>
    <t xml:space="preserve">Each individual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Poor soil health other than soil erosion e.g. soil compaction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Living costs are affordable here
(Measured 'strongly disagree' (1) to 'strongly agree' (7))</t>
  </si>
  <si>
    <t xml:space="preserve">The data in this spreadsheet were produced from the 2016 Regional Wellbeing Survey. Information about the survey is available at www.regionalwellbeing.org.au. </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The data presented in this spreadsheet are from a survey of adult residents of this region. All surveys have some bias in the responses they receive. The 2016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from the '2015 Regional Wellbeing Survey reports and results' section of our website, includes a more detailed discussion of reliability of the survey data, which should be referred to when interpreting the data in this spreadsheet.</t>
  </si>
  <si>
    <t>Rural and regional Victoria</t>
  </si>
  <si>
    <t xml:space="preserve">Rural and regional Victoria includes all of Victoria except the large metropolitan areas of Melbourne and surrounding suburban areas. In total, 3,630 people who live in rural and regional Victoria took part in the 2016 Regional Wellbeing Survey, although not all these people answered every question on the survey. A small number of people (127) living in the city of Melbourne and surrounding suburbs took part in the 2016 Regional Wellbeing Survey, but are excluded when reporting for rural and regional Victoria in these data tables. Some parts of this state were sampled intensively as part of the survey, while others were sampled less intensively. </t>
  </si>
  <si>
    <t xml:space="preserve">Rural and regional Australia includes all of Australia except the cities of Sydney, Melbourne, Adelaide, Brisbane, Canberra and Perth. In total, 12,891 people from rural and regional Australia took part in the 2016 Regional Wellbeing Survey, although not all these people answered every question on the survey. A small number of people (411) living in the cities of Sydney, Melbourne, Adelaide, Brisbane, Canberra and Perth took part in the 2016 Regional Wellbeing Survey, but are excluded when reporting for rural and regional Australia in these data tables. Some parts of rural and regional Australia were sampled intensively as part of the survey, while others were sampled less intensively. </t>
  </si>
  <si>
    <t>About the region: Victorian NRM regions</t>
  </si>
  <si>
    <t xml:space="preserve">This file provides data from the 2016 Regional Wellbeing Survey for all Victorian Natural Resource Managment (NRM) regions.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rural and regional Australia; (ii) rural and regional Victoria; and (iii) each Victorian NRM region. </t>
  </si>
  <si>
    <t>Corangamite is a NRM region located in the south of Victoria. It includes the major towns of Colac, Geelong and Port Campbell. It includes the local government areas of Colac-Otway, Golden Plains, Greater Geelong, Queenscliffe and Surf Coast, and portions of Ballarat, Corangamite and Moorabool. In total, 286 people who live in this NRM region took part in the 2016 Regional Wellbeing Survey.</t>
  </si>
  <si>
    <t xml:space="preserve">East Gippsland is a NRM region located in the east of Victoria. It includes the major towns of Bairnsdale and Orbost . It includes the majority of the East Gippsland Shire local government area. In total, 182 people who live in this NRM region took part in the 2016 Regional Wellbeing Survey. </t>
  </si>
  <si>
    <t xml:space="preserve">Glenelg Hopkins is a NRM region located in the south west of Victoria. It includes the local government areas of Glenelg, Southern Grampians and Warnambool, and portions of Ararat, Ballarat, Corangamite, Moyne, Pyrenees and West Wimmera. In total, 365 people who live in this NRM region took part in the 2016 Regional Wellbeing Survey. </t>
  </si>
  <si>
    <t xml:space="preserve">Goulburn Broken is a NRM region located in the centre of Victoria. It includes the local government areas of Benalla, Greater Shepparton, Mansfield, Moira, Murrindindi and Strathbogie, and portions of Campaspe, Mitchell and Wangaratta. In total, 727 people who live in this NRM region took part in the 2016 Regional Wellbeing Survey. </t>
  </si>
  <si>
    <t xml:space="preserve">Mallee is a NRM region located in the north west of Victoria. It includes the local government area of Mildura, and portions of Buloke, Gannawarra, Hindmarsh, Swan Hill and Yarriambiack. In total, 223 people who live in this NRM region took part in the 2015 Regional Wellbeing Survey. </t>
  </si>
  <si>
    <t xml:space="preserve">North Central is a NRM region located in the north of Victoria. It includes the local government areas of Central Goldfields, Loddon and Mount Alexander, and portions of Ballarat, Buloke, Campaspe, Gannawarra, Greater Bendigo, Hepburn, Macedon Ranges, Mitchell, Moorabool, Northern Grampians, Pyrenees and Swan Hill. In total, 683 people who live in this NRM region took part in the 2016 Regional Wellbeing Survey. </t>
  </si>
  <si>
    <t xml:space="preserve">North East is a NRM region located in the north east of Victoria. It includes the local government areas of Indigo, Towong and Wodonga, and portions of Alpine, East Gippsland and Wangaratta. In total, 213 people who live in this NRM region took part in the 2016 Regional Wellbeing Survey. </t>
  </si>
  <si>
    <t xml:space="preserve">Port Phillip and Western Port is a NRM region located in the south of Victoria. It includes Melbourne and the major towns of Bacchus Marsh, Dandenong and Frankston. It includes the local government areas of Banyule, Cardinia, Casey, Frankston, Hume, Kingston, Knox, Melton, Monash, Mornington Peninsula, Nillumbik, Port Phillip, Stonnington, Whittlesea and Wyndham, and portions of Bass Coast, Baw Baw, Macedon Ranges, Mitchell, Moorabool, South Gippsland and Yarra Ranges. In total, 305 people who live in this NRM region took part in the 2016 Regional Wellbeing Survey,  including a small number living in the city of Melbourne and surrounding suburbs. </t>
  </si>
  <si>
    <t xml:space="preserve">West Gippsland is a NRM region located in the south east of Victoria. It includes the local government area of Latrobe, and portions of Bass Coast, Baw Baw, South Gippsland and Wellington. In total, 466 people who live in this NRM region took part in the 2016 Regional Wellbeing Survey. </t>
  </si>
  <si>
    <t xml:space="preserve">Wimmera is a NRM region located in the west of Victoria. It includes portions of Ararat, Buloke, Hindmarsh, Horsham, Northern Grampians, Pyrenees, West Wimmera and Yarriambiack local government areas. In total, 167 people who live in this NRM region took part in the 2016 Regional Wellbeing Survey. </t>
  </si>
  <si>
    <t>Rural &amp; Regional Australia</t>
  </si>
  <si>
    <t>Rural &amp; regional Victoria</t>
  </si>
  <si>
    <t>Corangamite</t>
  </si>
  <si>
    <t>East Gippsland</t>
  </si>
  <si>
    <t>Glenelg Hopkins</t>
  </si>
  <si>
    <t>Goulburn Broken</t>
  </si>
  <si>
    <t>Mallee</t>
  </si>
  <si>
    <t>North Central</t>
  </si>
  <si>
    <t>North East</t>
  </si>
  <si>
    <t>Port Phillip and Western Port</t>
  </si>
  <si>
    <t>West Gippsland</t>
  </si>
  <si>
    <t>Wimmera</t>
  </si>
  <si>
    <t xml:space="preserve">You may reproduce the data in this spreadsheet for any purpose, providing you acknowledge the data source. Data should be cited as being sourced from the 2016 Regional Wellbeing Survey, Victorian Natural Resource Management region data tables, Version 1.01 July 2016. </t>
  </si>
  <si>
    <t xml:space="preserve">Corangamite </t>
  </si>
  <si>
    <t xml:space="preserve">East Gippsland </t>
  </si>
  <si>
    <t xml:space="preserve">Goulburn Broken </t>
  </si>
  <si>
    <t xml:space="preserve">Mallee </t>
  </si>
  <si>
    <t xml:space="preserve">North Central </t>
  </si>
  <si>
    <t xml:space="preserve">Port Phillip and Western Port </t>
  </si>
  <si>
    <t xml:space="preserve">Wimmera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64" formatCode="###0.0%"/>
    <numFmt numFmtId="165" formatCode="###0"/>
    <numFmt numFmtId="166" formatCode="####.0%"/>
    <numFmt numFmtId="167" formatCode="0.0%"/>
    <numFmt numFmtId="168" formatCode="0.0"/>
  </numFmts>
  <fonts count="37">
    <font>
      <sz val="11"/>
      <color theme="1"/>
      <name val="Calibri"/>
      <family val="2"/>
      <scheme val="minor"/>
    </font>
    <font>
      <sz val="10"/>
      <name val="Arial"/>
      <family val="2"/>
    </font>
    <font>
      <sz val="12"/>
      <name val="Calibri"/>
      <family val="2"/>
    </font>
    <font>
      <sz val="10"/>
      <name val="Arial"/>
      <family val="2"/>
    </font>
    <font>
      <sz val="12"/>
      <color indexed="10"/>
      <name val="Calibri"/>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sz val="9"/>
      <color indexed="8"/>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45">
    <xf numFmtId="0" fontId="0" fillId="0" borderId="0"/>
    <xf numFmtId="0" fontId="5" fillId="0" borderId="0" applyNumberFormat="0" applyFill="0" applyBorder="0" applyAlignment="0" applyProtection="0"/>
    <xf numFmtId="0" fontId="1" fillId="0" borderId="0"/>
    <xf numFmtId="0" fontId="1" fillId="0" borderId="0"/>
    <xf numFmtId="0" fontId="3" fillId="0" borderId="0"/>
    <xf numFmtId="0" fontId="3" fillId="0" borderId="0"/>
    <xf numFmtId="0" fontId="1" fillId="0" borderId="0"/>
    <xf numFmtId="0" fontId="1" fillId="0" borderId="0"/>
    <xf numFmtId="0" fontId="3" fillId="0" borderId="0"/>
    <xf numFmtId="0" fontId="1" fillId="0" borderId="0"/>
    <xf numFmtId="0" fontId="1" fillId="0" borderId="0"/>
    <xf numFmtId="0" fontId="3" fillId="0" borderId="0"/>
    <xf numFmtId="0" fontId="1" fillId="0" borderId="0"/>
    <xf numFmtId="0" fontId="1" fillId="0" borderId="0"/>
    <xf numFmtId="0" fontId="3" fillId="0" borderId="0"/>
    <xf numFmtId="0" fontId="3"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1" fillId="0" borderId="0"/>
    <xf numFmtId="0" fontId="3" fillId="0" borderId="0"/>
    <xf numFmtId="0" fontId="3" fillId="0" borderId="0"/>
    <xf numFmtId="0" fontId="1" fillId="0" borderId="0"/>
    <xf numFmtId="0" fontId="3" fillId="0" borderId="0"/>
    <xf numFmtId="0" fontId="3" fillId="0" borderId="0"/>
    <xf numFmtId="0" fontId="1" fillId="0" borderId="0"/>
    <xf numFmtId="0" fontId="3" fillId="0" borderId="0"/>
    <xf numFmtId="0" fontId="1" fillId="0" borderId="0"/>
    <xf numFmtId="0" fontId="3" fillId="0" borderId="0"/>
    <xf numFmtId="0" fontId="3"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3" fillId="0" borderId="0"/>
    <xf numFmtId="0" fontId="3" fillId="0" borderId="0"/>
    <xf numFmtId="0" fontId="1" fillId="0" borderId="0"/>
    <xf numFmtId="0" fontId="34" fillId="0" borderId="0"/>
  </cellStyleXfs>
  <cellXfs count="369">
    <xf numFmtId="0" fontId="0" fillId="0" borderId="0" xfId="0"/>
    <xf numFmtId="0" fontId="0" fillId="0" borderId="0" xfId="0" applyFont="1"/>
    <xf numFmtId="0" fontId="0" fillId="2" borderId="0" xfId="0" applyFill="1"/>
    <xf numFmtId="0" fontId="5" fillId="2" borderId="0" xfId="1" applyFill="1" applyAlignment="1"/>
    <xf numFmtId="0" fontId="8"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9" fillId="2" borderId="0" xfId="0" applyFont="1" applyFill="1" applyAlignment="1"/>
    <xf numFmtId="0" fontId="10" fillId="2" borderId="0" xfId="0" applyFont="1" applyFill="1" applyAlignment="1">
      <alignment horizontal="left"/>
    </xf>
    <xf numFmtId="0" fontId="0" fillId="2" borderId="0" xfId="0" applyFill="1" applyAlignment="1">
      <alignment horizontal="center"/>
    </xf>
    <xf numFmtId="0" fontId="6" fillId="2" borderId="0" xfId="0" applyFont="1" applyFill="1" applyAlignment="1">
      <alignment horizontal="left"/>
    </xf>
    <xf numFmtId="0" fontId="6"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11" fillId="2" borderId="0" xfId="0" applyFont="1" applyFill="1"/>
    <xf numFmtId="0" fontId="0" fillId="2" borderId="0" xfId="0" applyFill="1"/>
    <xf numFmtId="0" fontId="0" fillId="2" borderId="0" xfId="0" applyFill="1"/>
    <xf numFmtId="0" fontId="7" fillId="2" borderId="0" xfId="0" applyFont="1" applyFill="1"/>
    <xf numFmtId="0" fontId="10"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10" fillId="3" borderId="0" xfId="0" applyFont="1" applyFill="1" applyAlignment="1"/>
    <xf numFmtId="0" fontId="11" fillId="3" borderId="0" xfId="0" applyFont="1" applyFill="1" applyAlignment="1"/>
    <xf numFmtId="0" fontId="0" fillId="3" borderId="0" xfId="0" applyFill="1" applyAlignment="1">
      <alignment horizontal="left"/>
    </xf>
    <xf numFmtId="0" fontId="5" fillId="3" borderId="0" xfId="1" applyFill="1"/>
    <xf numFmtId="0" fontId="11" fillId="3" borderId="0" xfId="0" applyFont="1" applyFill="1"/>
    <xf numFmtId="0" fontId="5" fillId="3" borderId="0" xfId="1" applyFill="1" applyAlignment="1">
      <alignment vertical="top" wrapText="1"/>
    </xf>
    <xf numFmtId="1" fontId="12" fillId="3" borderId="0" xfId="0" applyNumberFormat="1" applyFont="1" applyFill="1" applyAlignment="1">
      <alignment horizontal="left"/>
    </xf>
    <xf numFmtId="0" fontId="5" fillId="3" borderId="0" xfId="1" quotePrefix="1" applyFill="1"/>
    <xf numFmtId="1" fontId="5" fillId="3" borderId="0" xfId="1" applyNumberFormat="1" applyFill="1" applyAlignment="1">
      <alignment horizontal="left"/>
    </xf>
    <xf numFmtId="0" fontId="11" fillId="3" borderId="0" xfId="0" applyFont="1" applyFill="1" applyAlignment="1">
      <alignment horizontal="left"/>
    </xf>
    <xf numFmtId="0" fontId="13" fillId="0" borderId="0" xfId="0" applyFont="1"/>
    <xf numFmtId="0" fontId="0" fillId="3" borderId="0" xfId="0" quotePrefix="1" applyFill="1" applyAlignment="1"/>
    <xf numFmtId="0" fontId="0" fillId="3" borderId="0" xfId="0" applyFill="1" applyAlignment="1"/>
    <xf numFmtId="0" fontId="14" fillId="0" borderId="0" xfId="0" applyFont="1"/>
    <xf numFmtId="0" fontId="19" fillId="6" borderId="1" xfId="0" applyFont="1" applyFill="1" applyBorder="1" applyAlignment="1">
      <alignment horizontal="left" vertical="top"/>
    </xf>
    <xf numFmtId="0" fontId="20" fillId="6" borderId="1" xfId="34" applyFont="1" applyFill="1" applyBorder="1" applyAlignment="1">
      <alignment horizontal="left" vertical="top" wrapText="1"/>
    </xf>
    <xf numFmtId="168" fontId="20" fillId="6" borderId="1" xfId="34" applyNumberFormat="1" applyFont="1" applyFill="1" applyBorder="1" applyAlignment="1">
      <alignment horizontal="left" vertical="top" wrapText="1"/>
    </xf>
    <xf numFmtId="168" fontId="21" fillId="6" borderId="1" xfId="34" applyNumberFormat="1" applyFont="1" applyFill="1" applyBorder="1" applyAlignment="1">
      <alignment horizontal="left" vertical="top" wrapText="1"/>
    </xf>
    <xf numFmtId="0" fontId="22" fillId="6" borderId="1" xfId="0" applyFont="1" applyFill="1" applyBorder="1" applyAlignment="1">
      <alignment vertical="center"/>
    </xf>
    <xf numFmtId="0" fontId="23" fillId="6" borderId="1" xfId="17" applyFont="1" applyFill="1" applyBorder="1" applyAlignment="1">
      <alignment horizontal="left" vertical="top" wrapText="1"/>
    </xf>
    <xf numFmtId="168" fontId="23" fillId="6" borderId="1" xfId="34" applyNumberFormat="1" applyFont="1" applyFill="1" applyBorder="1" applyAlignment="1">
      <alignment horizontal="left" vertical="top" wrapText="1"/>
    </xf>
    <xf numFmtId="168" fontId="24" fillId="6" borderId="1" xfId="17" applyNumberFormat="1" applyFont="1" applyFill="1" applyBorder="1" applyAlignment="1">
      <alignment horizontal="left" vertical="top" wrapText="1"/>
    </xf>
    <xf numFmtId="0" fontId="25" fillId="0" borderId="1" xfId="0" applyFont="1" applyBorder="1" applyAlignment="1">
      <alignment horizontal="left" vertical="center" wrapText="1"/>
    </xf>
    <xf numFmtId="165" fontId="22" fillId="0" borderId="1" xfId="17"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4" fillId="0" borderId="1" xfId="17" applyNumberFormat="1" applyFont="1" applyFill="1" applyBorder="1" applyAlignment="1">
      <alignment horizontal="left" vertical="center"/>
    </xf>
    <xf numFmtId="0" fontId="26" fillId="4" borderId="1" xfId="19" applyFont="1" applyFill="1" applyBorder="1" applyAlignment="1">
      <alignment horizontal="left" vertical="center" wrapText="1"/>
    </xf>
    <xf numFmtId="165" fontId="22" fillId="4" borderId="1" xfId="17"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8" fontId="24" fillId="4" borderId="1" xfId="17" applyNumberFormat="1" applyFont="1" applyFill="1" applyBorder="1" applyAlignment="1">
      <alignment horizontal="left" vertical="center"/>
    </xf>
    <xf numFmtId="0" fontId="22" fillId="0" borderId="1" xfId="29" applyFont="1" applyFill="1" applyBorder="1" applyAlignment="1">
      <alignment horizontal="left" vertical="center" wrapText="1"/>
    </xf>
    <xf numFmtId="165" fontId="22"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8" fontId="24" fillId="0" borderId="1" xfId="29" applyNumberFormat="1" applyFont="1" applyFill="1" applyBorder="1" applyAlignment="1">
      <alignment horizontal="left" vertical="center"/>
    </xf>
    <xf numFmtId="0" fontId="26" fillId="0" borderId="1" xfId="19" applyFont="1" applyBorder="1" applyAlignment="1">
      <alignment horizontal="left" vertical="center" wrapText="1"/>
    </xf>
    <xf numFmtId="165" fontId="22"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8" fontId="24" fillId="0" borderId="1" xfId="27" applyNumberFormat="1" applyFont="1" applyFill="1" applyBorder="1" applyAlignment="1">
      <alignment horizontal="left" vertical="center"/>
    </xf>
    <xf numFmtId="165" fontId="22"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8" fontId="24" fillId="4" borderId="1" xfId="27" applyNumberFormat="1" applyFont="1" applyFill="1" applyBorder="1" applyAlignment="1">
      <alignment horizontal="left" vertical="center"/>
    </xf>
    <xf numFmtId="0" fontId="27" fillId="5" borderId="1" xfId="34" quotePrefix="1" applyFont="1" applyFill="1" applyBorder="1" applyAlignment="1">
      <alignment horizontal="left" vertical="top" wrapText="1"/>
    </xf>
    <xf numFmtId="0" fontId="20" fillId="7" borderId="1" xfId="34" applyFont="1" applyFill="1" applyBorder="1" applyAlignment="1">
      <alignment horizontal="left" vertical="top" wrapText="1"/>
    </xf>
    <xf numFmtId="168" fontId="20" fillId="7" borderId="1" xfId="34" applyNumberFormat="1" applyFont="1" applyFill="1" applyBorder="1" applyAlignment="1">
      <alignment horizontal="left" vertical="top" wrapText="1"/>
    </xf>
    <xf numFmtId="168" fontId="21" fillId="7" borderId="1" xfId="34" applyNumberFormat="1" applyFont="1" applyFill="1" applyBorder="1" applyAlignment="1">
      <alignment horizontal="left" vertical="top" wrapText="1"/>
    </xf>
    <xf numFmtId="0" fontId="23" fillId="7" borderId="1" xfId="17" applyFont="1" applyFill="1" applyBorder="1" applyAlignment="1">
      <alignment horizontal="left" vertical="top" wrapText="1"/>
    </xf>
    <xf numFmtId="168" fontId="23" fillId="7" borderId="1" xfId="34" applyNumberFormat="1" applyFont="1" applyFill="1" applyBorder="1" applyAlignment="1">
      <alignment horizontal="left" vertical="top" wrapText="1"/>
    </xf>
    <xf numFmtId="168" fontId="24" fillId="7" borderId="1" xfId="17" applyNumberFormat="1" applyFont="1" applyFill="1" applyBorder="1" applyAlignment="1">
      <alignment horizontal="left" vertical="top" wrapText="1"/>
    </xf>
    <xf numFmtId="165" fontId="22" fillId="0" borderId="1" xfId="39" applyNumberFormat="1" applyFont="1" applyFill="1" applyBorder="1" applyAlignment="1">
      <alignment horizontal="left" vertical="center"/>
    </xf>
    <xf numFmtId="168" fontId="22" fillId="0" borderId="1" xfId="37" applyNumberFormat="1" applyFont="1" applyFill="1" applyBorder="1" applyAlignment="1">
      <alignment horizontal="left" vertical="center"/>
    </xf>
    <xf numFmtId="168" fontId="24" fillId="0" borderId="1" xfId="39" applyNumberFormat="1" applyFont="1" applyFill="1" applyBorder="1" applyAlignment="1">
      <alignment horizontal="left" vertical="center"/>
    </xf>
    <xf numFmtId="165" fontId="22" fillId="4" borderId="1" xfId="39" applyNumberFormat="1" applyFont="1" applyFill="1" applyBorder="1" applyAlignment="1">
      <alignment horizontal="left" vertical="center"/>
    </xf>
    <xf numFmtId="168" fontId="22" fillId="4" borderId="1" xfId="37" applyNumberFormat="1" applyFont="1" applyFill="1" applyBorder="1" applyAlignment="1">
      <alignment horizontal="left" vertical="center"/>
    </xf>
    <xf numFmtId="168" fontId="24" fillId="4" borderId="1" xfId="39" applyNumberFormat="1" applyFont="1" applyFill="1" applyBorder="1" applyAlignment="1">
      <alignment horizontal="left" vertical="center"/>
    </xf>
    <xf numFmtId="165" fontId="22" fillId="0" borderId="1" xfId="36" applyNumberFormat="1" applyFont="1" applyFill="1" applyBorder="1" applyAlignment="1">
      <alignment horizontal="left" vertical="center"/>
    </xf>
    <xf numFmtId="168" fontId="22" fillId="0" borderId="1" xfId="36" applyNumberFormat="1" applyFont="1" applyFill="1" applyBorder="1" applyAlignment="1">
      <alignment horizontal="left" vertical="center"/>
    </xf>
    <xf numFmtId="168" fontId="24" fillId="0" borderId="1" xfId="36" applyNumberFormat="1" applyFont="1" applyFill="1" applyBorder="1" applyAlignment="1">
      <alignment horizontal="left" vertical="center"/>
    </xf>
    <xf numFmtId="165" fontId="22" fillId="4" borderId="1" xfId="36" applyNumberFormat="1" applyFont="1" applyFill="1" applyBorder="1" applyAlignment="1">
      <alignment horizontal="left" vertical="center"/>
    </xf>
    <xf numFmtId="168" fontId="22" fillId="4" borderId="1" xfId="36" applyNumberFormat="1" applyFont="1" applyFill="1" applyBorder="1" applyAlignment="1">
      <alignment horizontal="left" vertical="center"/>
    </xf>
    <xf numFmtId="168" fontId="24" fillId="4" borderId="1" xfId="36" applyNumberFormat="1" applyFont="1" applyFill="1" applyBorder="1" applyAlignment="1">
      <alignment horizontal="left" vertical="center"/>
    </xf>
    <xf numFmtId="165" fontId="22"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8" fontId="24" fillId="0" borderId="1" xfId="30" applyNumberFormat="1" applyFont="1" applyFill="1" applyBorder="1" applyAlignment="1">
      <alignment horizontal="left" vertical="center"/>
    </xf>
    <xf numFmtId="165" fontId="22" fillId="0" borderId="1" xfId="8" applyNumberFormat="1" applyFont="1" applyFill="1" applyBorder="1" applyAlignment="1">
      <alignment horizontal="left" vertical="center"/>
    </xf>
    <xf numFmtId="168" fontId="22" fillId="0" borderId="1" xfId="6" applyNumberFormat="1" applyFont="1" applyFill="1" applyBorder="1" applyAlignment="1">
      <alignment horizontal="left" vertical="center"/>
    </xf>
    <xf numFmtId="168" fontId="24" fillId="0" borderId="1" xfId="40" applyNumberFormat="1" applyFont="1" applyFill="1" applyBorder="1" applyAlignment="1">
      <alignment horizontal="left" vertical="center"/>
    </xf>
    <xf numFmtId="165" fontId="22" fillId="4" borderId="1" xfId="8" applyNumberFormat="1" applyFont="1" applyFill="1" applyBorder="1" applyAlignment="1">
      <alignment horizontal="left" vertical="center"/>
    </xf>
    <xf numFmtId="168" fontId="22" fillId="4" borderId="1" xfId="6" applyNumberFormat="1" applyFont="1" applyFill="1" applyBorder="1" applyAlignment="1">
      <alignment horizontal="left" vertical="center"/>
    </xf>
    <xf numFmtId="168" fontId="24" fillId="4" borderId="1" xfId="40" applyNumberFormat="1" applyFont="1" applyFill="1" applyBorder="1" applyAlignment="1">
      <alignment horizontal="left" vertical="center"/>
    </xf>
    <xf numFmtId="167" fontId="21" fillId="7" borderId="1" xfId="34" applyNumberFormat="1" applyFont="1" applyFill="1" applyBorder="1" applyAlignment="1">
      <alignment horizontal="left" vertical="top" wrapText="1"/>
    </xf>
    <xf numFmtId="167" fontId="21" fillId="6" borderId="1" xfId="34" applyNumberFormat="1" applyFont="1" applyFill="1" applyBorder="1" applyAlignment="1">
      <alignment horizontal="left" vertical="top" wrapText="1"/>
    </xf>
    <xf numFmtId="167" fontId="24" fillId="7" borderId="1" xfId="17" applyNumberFormat="1" applyFont="1" applyFill="1" applyBorder="1" applyAlignment="1">
      <alignment horizontal="left" vertical="top" wrapText="1"/>
    </xf>
    <xf numFmtId="167" fontId="24" fillId="6" borderId="1" xfId="17" applyNumberFormat="1" applyFont="1" applyFill="1" applyBorder="1" applyAlignment="1">
      <alignment horizontal="left" vertical="top" wrapText="1"/>
    </xf>
    <xf numFmtId="165" fontId="22" fillId="0" borderId="1" xfId="7" applyNumberFormat="1" applyFont="1" applyFill="1" applyBorder="1" applyAlignment="1">
      <alignment horizontal="left" vertical="center"/>
    </xf>
    <xf numFmtId="164" fontId="22" fillId="0" borderId="1" xfId="7" applyNumberFormat="1" applyFont="1" applyFill="1" applyBorder="1" applyAlignment="1">
      <alignment horizontal="left" vertical="center"/>
    </xf>
    <xf numFmtId="167" fontId="24" fillId="0" borderId="1" xfId="0" applyNumberFormat="1" applyFont="1" applyFill="1" applyBorder="1" applyAlignment="1">
      <alignment horizontal="left" vertical="center" wrapText="1"/>
    </xf>
    <xf numFmtId="165" fontId="22" fillId="4" borderId="1" xfId="7" applyNumberFormat="1" applyFont="1" applyFill="1" applyBorder="1" applyAlignment="1">
      <alignment horizontal="left" vertical="center"/>
    </xf>
    <xf numFmtId="164" fontId="22" fillId="4" borderId="1" xfId="7" applyNumberFormat="1" applyFont="1" applyFill="1" applyBorder="1" applyAlignment="1">
      <alignment horizontal="left" vertical="center"/>
    </xf>
    <xf numFmtId="167" fontId="24" fillId="4" borderId="1" xfId="0" applyNumberFormat="1" applyFont="1" applyFill="1" applyBorder="1" applyAlignment="1">
      <alignment horizontal="left" vertical="center" wrapText="1"/>
    </xf>
    <xf numFmtId="164" fontId="22" fillId="0" borderId="1" xfId="30" applyNumberFormat="1" applyFont="1" applyFill="1" applyBorder="1" applyAlignment="1">
      <alignment horizontal="left" vertical="center"/>
    </xf>
    <xf numFmtId="166" fontId="22" fillId="0" borderId="1" xfId="7" applyNumberFormat="1" applyFont="1" applyFill="1" applyBorder="1" applyAlignment="1">
      <alignment horizontal="left" vertical="center"/>
    </xf>
    <xf numFmtId="166" fontId="22" fillId="4" borderId="1" xfId="7" applyNumberFormat="1" applyFont="1" applyFill="1" applyBorder="1" applyAlignment="1">
      <alignment horizontal="left" vertical="center"/>
    </xf>
    <xf numFmtId="165" fontId="22" fillId="0" borderId="1" xfId="31" applyNumberFormat="1" applyFont="1" applyFill="1" applyBorder="1" applyAlignment="1">
      <alignment horizontal="left" vertical="center"/>
    </xf>
    <xf numFmtId="168" fontId="22" fillId="0" borderId="1" xfId="31" applyNumberFormat="1" applyFont="1" applyFill="1" applyBorder="1" applyAlignment="1">
      <alignment horizontal="left" vertical="center"/>
    </xf>
    <xf numFmtId="168" fontId="24" fillId="0" borderId="1" xfId="31" applyNumberFormat="1" applyFont="1" applyFill="1" applyBorder="1" applyAlignment="1">
      <alignment horizontal="left" vertical="center"/>
    </xf>
    <xf numFmtId="164" fontId="22" fillId="0" borderId="1" xfId="16" applyNumberFormat="1" applyFont="1" applyFill="1" applyBorder="1" applyAlignment="1">
      <alignment horizontal="left" vertical="center"/>
    </xf>
    <xf numFmtId="165" fontId="22" fillId="4" borderId="1" xfId="31" applyNumberFormat="1" applyFont="1" applyFill="1" applyBorder="1" applyAlignment="1">
      <alignment horizontal="left" vertical="center"/>
    </xf>
    <xf numFmtId="168" fontId="22" fillId="4" borderId="1" xfId="31" applyNumberFormat="1" applyFont="1" applyFill="1" applyBorder="1" applyAlignment="1">
      <alignment horizontal="left" vertical="center"/>
    </xf>
    <xf numFmtId="168" fontId="24" fillId="4" borderId="1" xfId="31" applyNumberFormat="1" applyFont="1" applyFill="1" applyBorder="1" applyAlignment="1">
      <alignment horizontal="left" vertical="center"/>
    </xf>
    <xf numFmtId="164" fontId="22" fillId="4" borderId="1" xfId="16" applyNumberFormat="1" applyFont="1" applyFill="1" applyBorder="1" applyAlignment="1">
      <alignment horizontal="left" vertical="center"/>
    </xf>
    <xf numFmtId="166" fontId="22" fillId="0" borderId="1" xfId="16" applyNumberFormat="1" applyFont="1" applyFill="1" applyBorder="1" applyAlignment="1">
      <alignment horizontal="left" vertical="center"/>
    </xf>
    <xf numFmtId="0" fontId="27" fillId="5" borderId="1" xfId="31" applyFont="1" applyFill="1" applyBorder="1" applyAlignment="1">
      <alignment vertical="top" wrapText="1"/>
    </xf>
    <xf numFmtId="0" fontId="28" fillId="6" borderId="1" xfId="0" applyFont="1" applyFill="1" applyBorder="1" applyAlignment="1">
      <alignment horizontal="left" vertical="top"/>
    </xf>
    <xf numFmtId="0" fontId="29" fillId="6" borderId="1" xfId="0" applyFont="1" applyFill="1" applyBorder="1" applyAlignment="1">
      <alignment vertical="center"/>
    </xf>
    <xf numFmtId="165" fontId="22" fillId="0" borderId="1" xfId="18" applyNumberFormat="1" applyFont="1" applyFill="1" applyBorder="1" applyAlignment="1">
      <alignment horizontal="left" vertical="center"/>
    </xf>
    <xf numFmtId="164" fontId="22" fillId="0" borderId="1" xfId="18" applyNumberFormat="1" applyFont="1" applyFill="1" applyBorder="1" applyAlignment="1">
      <alignment horizontal="left" vertical="center"/>
    </xf>
    <xf numFmtId="165" fontId="22" fillId="4" borderId="1" xfId="18" applyNumberFormat="1" applyFont="1" applyFill="1" applyBorder="1" applyAlignment="1">
      <alignment horizontal="left" vertical="center"/>
    </xf>
    <xf numFmtId="164" fontId="22" fillId="4" borderId="1" xfId="18" applyNumberFormat="1" applyFont="1" applyFill="1" applyBorder="1" applyAlignment="1">
      <alignment horizontal="left" vertical="center"/>
    </xf>
    <xf numFmtId="0" fontId="30" fillId="4" borderId="1" xfId="19" applyFont="1" applyFill="1" applyBorder="1" applyAlignment="1">
      <alignment horizontal="left" vertical="center" wrapText="1"/>
    </xf>
    <xf numFmtId="0" fontId="30" fillId="0" borderId="1" xfId="19" applyFont="1" applyBorder="1" applyAlignment="1">
      <alignment horizontal="left" vertical="center" wrapText="1"/>
    </xf>
    <xf numFmtId="165" fontId="22" fillId="0" borderId="1" xfId="13" applyNumberFormat="1" applyFont="1" applyFill="1" applyBorder="1" applyAlignment="1">
      <alignment horizontal="left" vertical="center"/>
    </xf>
    <xf numFmtId="168" fontId="22" fillId="0" borderId="1" xfId="13" applyNumberFormat="1" applyFont="1" applyFill="1" applyBorder="1" applyAlignment="1">
      <alignment horizontal="left" vertical="center"/>
    </xf>
    <xf numFmtId="168" fontId="24" fillId="0" borderId="1" xfId="13" applyNumberFormat="1" applyFont="1" applyFill="1" applyBorder="1" applyAlignment="1">
      <alignment horizontal="left" vertical="center"/>
    </xf>
    <xf numFmtId="165" fontId="22"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8" fontId="24" fillId="4" borderId="1" xfId="13" applyNumberFormat="1" applyFont="1" applyFill="1" applyBorder="1" applyAlignment="1">
      <alignment horizontal="left" vertical="center"/>
    </xf>
    <xf numFmtId="165" fontId="22" fillId="0" borderId="1" xfId="0" applyNumberFormat="1" applyFont="1" applyFill="1" applyBorder="1" applyAlignment="1">
      <alignment horizontal="left" vertical="center"/>
    </xf>
    <xf numFmtId="164" fontId="22" fillId="0" borderId="1" xfId="14" applyNumberFormat="1" applyFont="1" applyFill="1" applyBorder="1" applyAlignment="1">
      <alignment horizontal="left" vertical="center"/>
    </xf>
    <xf numFmtId="165" fontId="22" fillId="0" borderId="1" xfId="14" applyNumberFormat="1" applyFont="1" applyFill="1" applyBorder="1" applyAlignment="1">
      <alignment horizontal="left" vertical="center"/>
    </xf>
    <xf numFmtId="165" fontId="22" fillId="4" borderId="1" xfId="0" applyNumberFormat="1" applyFont="1" applyFill="1" applyBorder="1" applyAlignment="1">
      <alignment horizontal="left" vertical="center"/>
    </xf>
    <xf numFmtId="164" fontId="22" fillId="4" borderId="1" xfId="14" applyNumberFormat="1" applyFont="1" applyFill="1" applyBorder="1" applyAlignment="1">
      <alignment horizontal="left" vertical="center"/>
    </xf>
    <xf numFmtId="165" fontId="22" fillId="4" borderId="1" xfId="14" applyNumberFormat="1" applyFont="1" applyFill="1" applyBorder="1" applyAlignment="1">
      <alignment horizontal="left" vertical="center"/>
    </xf>
    <xf numFmtId="166" fontId="22" fillId="4" borderId="1" xfId="14" applyNumberFormat="1" applyFont="1" applyFill="1" applyBorder="1" applyAlignment="1">
      <alignment horizontal="left" vertical="center"/>
    </xf>
    <xf numFmtId="168" fontId="23" fillId="6" borderId="1" xfId="17" applyNumberFormat="1" applyFont="1" applyFill="1" applyBorder="1" applyAlignment="1">
      <alignment horizontal="left" vertical="top" wrapText="1"/>
    </xf>
    <xf numFmtId="165" fontId="22" fillId="0" borderId="1" xfId="33"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4" fillId="0" borderId="1" xfId="0" applyNumberFormat="1" applyFont="1" applyFill="1" applyBorder="1" applyAlignment="1">
      <alignment horizontal="left" vertical="center"/>
    </xf>
    <xf numFmtId="164" fontId="22" fillId="0" borderId="1" xfId="33" applyNumberFormat="1" applyFont="1" applyFill="1" applyBorder="1" applyAlignment="1">
      <alignment horizontal="left" vertical="center"/>
    </xf>
    <xf numFmtId="165" fontId="22" fillId="4"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8" fontId="24" fillId="4" borderId="1" xfId="0" applyNumberFormat="1" applyFont="1" applyFill="1" applyBorder="1" applyAlignment="1">
      <alignment horizontal="left" vertical="center"/>
    </xf>
    <xf numFmtId="164" fontId="22" fillId="4" borderId="1" xfId="33" applyNumberFormat="1" applyFont="1" applyFill="1" applyBorder="1" applyAlignment="1">
      <alignment horizontal="left" vertical="center"/>
    </xf>
    <xf numFmtId="165" fontId="22" fillId="0" borderId="1" xfId="32"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8" fontId="24" fillId="0" borderId="1" xfId="32" applyNumberFormat="1" applyFont="1" applyFill="1" applyBorder="1" applyAlignment="1">
      <alignment horizontal="left" vertical="center"/>
    </xf>
    <xf numFmtId="165" fontId="22" fillId="4" borderId="1" xfId="32"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8" fontId="24" fillId="4" borderId="1" xfId="32" applyNumberFormat="1" applyFont="1" applyFill="1" applyBorder="1" applyAlignment="1">
      <alignment horizontal="left" vertical="center"/>
    </xf>
    <xf numFmtId="165" fontId="22" fillId="0" borderId="1" xfId="5" applyNumberFormat="1" applyFont="1" applyFill="1" applyBorder="1" applyAlignment="1">
      <alignment horizontal="left" vertical="center"/>
    </xf>
    <xf numFmtId="164" fontId="22" fillId="0" borderId="1" xfId="5" applyNumberFormat="1" applyFont="1" applyFill="1" applyBorder="1" applyAlignment="1">
      <alignment horizontal="left" vertical="center"/>
    </xf>
    <xf numFmtId="165" fontId="22" fillId="4" borderId="1" xfId="5" applyNumberFormat="1" applyFont="1" applyFill="1" applyBorder="1" applyAlignment="1">
      <alignment horizontal="left" vertical="center"/>
    </xf>
    <xf numFmtId="164" fontId="22" fillId="4" borderId="1" xfId="5" applyNumberFormat="1" applyFont="1" applyFill="1" applyBorder="1" applyAlignment="1">
      <alignment horizontal="left" vertical="center"/>
    </xf>
    <xf numFmtId="165" fontId="22"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7" fontId="22" fillId="0" borderId="1" xfId="11" applyNumberFormat="1" applyFont="1" applyFill="1" applyBorder="1" applyAlignment="1">
      <alignment horizontal="left" vertical="center"/>
    </xf>
    <xf numFmtId="164" fontId="22" fillId="0" borderId="1" xfId="11" applyNumberFormat="1" applyFont="1" applyFill="1" applyBorder="1" applyAlignment="1">
      <alignment horizontal="left" vertical="center"/>
    </xf>
    <xf numFmtId="165" fontId="22"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7" fontId="22" fillId="4" borderId="1" xfId="11" applyNumberFormat="1" applyFont="1" applyFill="1" applyBorder="1" applyAlignment="1">
      <alignment horizontal="left" vertical="center"/>
    </xf>
    <xf numFmtId="164" fontId="22" fillId="4" borderId="1" xfId="11" applyNumberFormat="1" applyFont="1" applyFill="1" applyBorder="1" applyAlignment="1">
      <alignment horizontal="left" vertical="center"/>
    </xf>
    <xf numFmtId="165" fontId="22" fillId="0" borderId="1" xfId="15"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168" fontId="24" fillId="0" borderId="1" xfId="15" applyNumberFormat="1" applyFont="1" applyFill="1" applyBorder="1" applyAlignment="1">
      <alignment horizontal="left" vertical="center"/>
    </xf>
    <xf numFmtId="164" fontId="22" fillId="0" borderId="1" xfId="15" applyNumberFormat="1" applyFont="1" applyFill="1" applyBorder="1" applyAlignment="1">
      <alignment horizontal="left" vertical="center"/>
    </xf>
    <xf numFmtId="165" fontId="22" fillId="4" borderId="1" xfId="15"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168" fontId="24" fillId="4" borderId="1" xfId="15" applyNumberFormat="1" applyFont="1" applyFill="1" applyBorder="1" applyAlignment="1">
      <alignment horizontal="left" vertical="center"/>
    </xf>
    <xf numFmtId="164" fontId="22" fillId="4" borderId="1" xfId="15" applyNumberFormat="1" applyFont="1" applyFill="1" applyBorder="1" applyAlignment="1">
      <alignment horizontal="left" vertical="center"/>
    </xf>
    <xf numFmtId="165" fontId="22" fillId="0" borderId="1" xfId="28" applyNumberFormat="1" applyFont="1" applyFill="1" applyBorder="1" applyAlignment="1">
      <alignment horizontal="left" vertical="center"/>
    </xf>
    <xf numFmtId="168" fontId="22" fillId="0" borderId="1" xfId="42" applyNumberFormat="1" applyFont="1" applyFill="1" applyBorder="1" applyAlignment="1">
      <alignment horizontal="left" vertical="center"/>
    </xf>
    <xf numFmtId="168" fontId="24" fillId="0" borderId="1" xfId="28" applyNumberFormat="1" applyFont="1" applyFill="1" applyBorder="1" applyAlignment="1">
      <alignment horizontal="left" vertical="center"/>
    </xf>
    <xf numFmtId="165" fontId="22" fillId="4" borderId="1" xfId="28" applyNumberFormat="1" applyFont="1" applyFill="1" applyBorder="1" applyAlignment="1">
      <alignment horizontal="left" vertical="center"/>
    </xf>
    <xf numFmtId="168" fontId="22" fillId="4" borderId="1" xfId="42" applyNumberFormat="1" applyFont="1" applyFill="1" applyBorder="1" applyAlignment="1">
      <alignment horizontal="left" vertical="center"/>
    </xf>
    <xf numFmtId="168" fontId="24" fillId="4" borderId="1" xfId="28" applyNumberFormat="1" applyFont="1" applyFill="1" applyBorder="1" applyAlignment="1">
      <alignment horizontal="left" vertical="center"/>
    </xf>
    <xf numFmtId="164" fontId="22" fillId="0" borderId="1" xfId="28" applyNumberFormat="1" applyFont="1" applyFill="1" applyBorder="1" applyAlignment="1">
      <alignment horizontal="left" vertical="center"/>
    </xf>
    <xf numFmtId="164" fontId="22" fillId="4" borderId="1" xfId="28" applyNumberFormat="1" applyFont="1" applyFill="1" applyBorder="1" applyAlignment="1">
      <alignment horizontal="left" vertical="center"/>
    </xf>
    <xf numFmtId="166" fontId="22" fillId="4" borderId="1" xfId="28" applyNumberFormat="1" applyFont="1" applyFill="1" applyBorder="1" applyAlignment="1">
      <alignment horizontal="left" vertical="center"/>
    </xf>
    <xf numFmtId="165" fontId="22" fillId="0" borderId="1" xfId="4" applyNumberFormat="1" applyFont="1" applyFill="1" applyBorder="1" applyAlignment="1">
      <alignment horizontal="left" vertical="center"/>
    </xf>
    <xf numFmtId="168" fontId="22" fillId="0" borderId="1" xfId="4" applyNumberFormat="1" applyFont="1" applyFill="1" applyBorder="1" applyAlignment="1">
      <alignment horizontal="left" vertical="center"/>
    </xf>
    <xf numFmtId="168" fontId="24" fillId="0" borderId="1" xfId="4" applyNumberFormat="1" applyFont="1" applyFill="1" applyBorder="1" applyAlignment="1">
      <alignment horizontal="left" vertical="center"/>
    </xf>
    <xf numFmtId="165" fontId="22" fillId="4" borderId="1" xfId="4" applyNumberFormat="1" applyFont="1" applyFill="1" applyBorder="1" applyAlignment="1">
      <alignment horizontal="left" vertical="center"/>
    </xf>
    <xf numFmtId="168" fontId="22" fillId="4" borderId="1" xfId="4" applyNumberFormat="1" applyFont="1" applyFill="1" applyBorder="1" applyAlignment="1">
      <alignment horizontal="left" vertical="center"/>
    </xf>
    <xf numFmtId="168" fontId="24" fillId="4" borderId="1" xfId="4" applyNumberFormat="1" applyFont="1" applyFill="1" applyBorder="1" applyAlignment="1">
      <alignment horizontal="left" vertical="center"/>
    </xf>
    <xf numFmtId="165" fontId="22" fillId="0" borderId="1" xfId="41" applyNumberFormat="1" applyFont="1" applyFill="1" applyBorder="1" applyAlignment="1">
      <alignment horizontal="left" vertical="center"/>
    </xf>
    <xf numFmtId="164" fontId="22" fillId="0" borderId="1" xfId="41" applyNumberFormat="1" applyFont="1" applyFill="1" applyBorder="1" applyAlignment="1">
      <alignment horizontal="left" vertical="center"/>
    </xf>
    <xf numFmtId="165" fontId="22" fillId="4" borderId="1" xfId="41" applyNumberFormat="1" applyFont="1" applyFill="1" applyBorder="1" applyAlignment="1">
      <alignment horizontal="left" vertical="center"/>
    </xf>
    <xf numFmtId="164" fontId="22" fillId="4" borderId="1" xfId="41" applyNumberFormat="1" applyFont="1" applyFill="1" applyBorder="1" applyAlignment="1">
      <alignment horizontal="left" vertical="center"/>
    </xf>
    <xf numFmtId="164" fontId="22" fillId="0" borderId="1" xfId="29" applyNumberFormat="1" applyFont="1" applyFill="1" applyBorder="1" applyAlignment="1">
      <alignment horizontal="left" vertical="center"/>
    </xf>
    <xf numFmtId="165" fontId="22" fillId="0" borderId="1" xfId="40" applyNumberFormat="1" applyFont="1" applyFill="1" applyBorder="1" applyAlignment="1">
      <alignment horizontal="left" vertical="center"/>
    </xf>
    <xf numFmtId="168" fontId="22" fillId="0" borderId="1" xfId="40" applyNumberFormat="1" applyFont="1" applyFill="1" applyBorder="1" applyAlignment="1">
      <alignment horizontal="left" vertical="center"/>
    </xf>
    <xf numFmtId="165" fontId="22" fillId="4" borderId="1" xfId="40" applyNumberFormat="1" applyFont="1" applyFill="1" applyBorder="1" applyAlignment="1">
      <alignment horizontal="left" vertical="center"/>
    </xf>
    <xf numFmtId="168" fontId="22" fillId="4" borderId="1" xfId="40" applyNumberFormat="1" applyFont="1" applyFill="1" applyBorder="1" applyAlignment="1">
      <alignment horizontal="left" vertical="center"/>
    </xf>
    <xf numFmtId="164" fontId="22" fillId="0" borderId="1" xfId="40" applyNumberFormat="1" applyFont="1" applyFill="1" applyBorder="1" applyAlignment="1">
      <alignment horizontal="left" vertical="center"/>
    </xf>
    <xf numFmtId="164" fontId="22" fillId="4" borderId="1" xfId="40" applyNumberFormat="1" applyFont="1" applyFill="1" applyBorder="1" applyAlignment="1">
      <alignment horizontal="left" vertical="center"/>
    </xf>
    <xf numFmtId="165" fontId="22" fillId="0" borderId="1" xfId="9" applyNumberFormat="1" applyFont="1" applyFill="1" applyBorder="1" applyAlignment="1">
      <alignment horizontal="left" vertical="center"/>
    </xf>
    <xf numFmtId="168" fontId="22" fillId="0" borderId="1" xfId="9" applyNumberFormat="1" applyFont="1" applyFill="1" applyBorder="1" applyAlignment="1">
      <alignment horizontal="left" vertical="center"/>
    </xf>
    <xf numFmtId="165" fontId="22" fillId="4" borderId="1" xfId="9" applyNumberFormat="1" applyFont="1" applyFill="1" applyBorder="1" applyAlignment="1">
      <alignment horizontal="left" vertical="center"/>
    </xf>
    <xf numFmtId="168" fontId="22" fillId="4" borderId="1" xfId="9" applyNumberFormat="1" applyFont="1" applyFill="1" applyBorder="1" applyAlignment="1">
      <alignment horizontal="left" vertical="center"/>
    </xf>
    <xf numFmtId="165" fontId="22" fillId="0" borderId="1" xfId="34" applyNumberFormat="1" applyFont="1" applyFill="1" applyBorder="1" applyAlignment="1">
      <alignment horizontal="left" vertical="center"/>
    </xf>
    <xf numFmtId="164" fontId="22" fillId="0" borderId="1" xfId="34" applyNumberFormat="1" applyFont="1" applyFill="1" applyBorder="1" applyAlignment="1">
      <alignment horizontal="left" vertical="center"/>
    </xf>
    <xf numFmtId="164" fontId="22" fillId="0" borderId="1" xfId="9" applyNumberFormat="1" applyFont="1" applyFill="1" applyBorder="1" applyAlignment="1">
      <alignment horizontal="left" vertical="center"/>
    </xf>
    <xf numFmtId="165" fontId="22" fillId="4" borderId="1" xfId="34" applyNumberFormat="1" applyFont="1" applyFill="1" applyBorder="1" applyAlignment="1">
      <alignment horizontal="left" vertical="center"/>
    </xf>
    <xf numFmtId="164" fontId="22" fillId="4" borderId="1" xfId="34" applyNumberFormat="1" applyFont="1" applyFill="1" applyBorder="1" applyAlignment="1">
      <alignment horizontal="left" vertical="center"/>
    </xf>
    <xf numFmtId="164" fontId="22" fillId="4" borderId="1" xfId="9" applyNumberFormat="1" applyFont="1" applyFill="1" applyBorder="1" applyAlignment="1">
      <alignment horizontal="left" vertical="center"/>
    </xf>
    <xf numFmtId="165" fontId="22" fillId="0" borderId="1" xfId="10" applyNumberFormat="1" applyFont="1" applyFill="1" applyBorder="1" applyAlignment="1">
      <alignment horizontal="left" vertical="center"/>
    </xf>
    <xf numFmtId="168" fontId="22" fillId="0" borderId="1" xfId="10" applyNumberFormat="1" applyFont="1" applyFill="1" applyBorder="1" applyAlignment="1">
      <alignment horizontal="left" vertical="center"/>
    </xf>
    <xf numFmtId="165" fontId="22"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2" fillId="0" borderId="1" xfId="10" applyNumberFormat="1" applyFont="1" applyFill="1" applyBorder="1" applyAlignment="1">
      <alignment horizontal="left" vertical="center"/>
    </xf>
    <xf numFmtId="164" fontId="22" fillId="4" borderId="1" xfId="10" applyNumberFormat="1" applyFont="1" applyFill="1" applyBorder="1" applyAlignment="1">
      <alignment horizontal="left" vertical="center"/>
    </xf>
    <xf numFmtId="165" fontId="22" fillId="0" borderId="1" xfId="12" applyNumberFormat="1" applyFont="1" applyFill="1" applyBorder="1" applyAlignment="1">
      <alignment horizontal="left" vertical="center"/>
    </xf>
    <xf numFmtId="168" fontId="22" fillId="0" borderId="1" xfId="12" applyNumberFormat="1" applyFont="1" applyFill="1" applyBorder="1" applyAlignment="1">
      <alignment horizontal="left" vertical="center"/>
    </xf>
    <xf numFmtId="168" fontId="24" fillId="0" borderId="1" xfId="12" applyNumberFormat="1" applyFont="1" applyFill="1" applyBorder="1" applyAlignment="1">
      <alignment horizontal="left" vertical="center"/>
    </xf>
    <xf numFmtId="165" fontId="22" fillId="4" borderId="1" xfId="12" applyNumberFormat="1" applyFont="1" applyFill="1" applyBorder="1" applyAlignment="1">
      <alignment horizontal="left" vertical="center"/>
    </xf>
    <xf numFmtId="168" fontId="22" fillId="4" borderId="1" xfId="12" applyNumberFormat="1" applyFont="1" applyFill="1" applyBorder="1" applyAlignment="1">
      <alignment horizontal="left" vertical="center"/>
    </xf>
    <xf numFmtId="168" fontId="24" fillId="4" borderId="1" xfId="12" applyNumberFormat="1" applyFont="1" applyFill="1" applyBorder="1" applyAlignment="1">
      <alignment horizontal="left" vertical="center"/>
    </xf>
    <xf numFmtId="164" fontId="22" fillId="0" borderId="1" xfId="12" applyNumberFormat="1" applyFont="1" applyFill="1" applyBorder="1" applyAlignment="1">
      <alignment horizontal="left" vertical="center"/>
    </xf>
    <xf numFmtId="164" fontId="22" fillId="4" borderId="1" xfId="12" applyNumberFormat="1" applyFont="1" applyFill="1" applyBorder="1" applyAlignment="1">
      <alignment horizontal="left" vertical="center"/>
    </xf>
    <xf numFmtId="165" fontId="22" fillId="0" borderId="1" xfId="43" applyNumberFormat="1" applyFont="1" applyFill="1" applyBorder="1" applyAlignment="1">
      <alignment horizontal="left" vertical="center"/>
    </xf>
    <xf numFmtId="164" fontId="22" fillId="0" borderId="1" xfId="43" applyNumberFormat="1" applyFont="1" applyFill="1" applyBorder="1" applyAlignment="1">
      <alignment horizontal="left" vertical="center"/>
    </xf>
    <xf numFmtId="165" fontId="22" fillId="4" borderId="1" xfId="43" applyNumberFormat="1" applyFont="1" applyFill="1" applyBorder="1" applyAlignment="1">
      <alignment horizontal="left" vertical="center"/>
    </xf>
    <xf numFmtId="164" fontId="22" fillId="4" borderId="1" xfId="43" applyNumberFormat="1" applyFont="1" applyFill="1" applyBorder="1" applyAlignment="1">
      <alignment horizontal="left" vertical="center"/>
    </xf>
    <xf numFmtId="165" fontId="22" fillId="0" borderId="1" xfId="3" applyNumberFormat="1" applyFont="1" applyFill="1" applyBorder="1" applyAlignment="1">
      <alignment horizontal="left" vertical="center"/>
    </xf>
    <xf numFmtId="168" fontId="22" fillId="0" borderId="1" xfId="35" applyNumberFormat="1" applyFont="1" applyFill="1" applyBorder="1" applyAlignment="1">
      <alignment horizontal="left" vertical="center"/>
    </xf>
    <xf numFmtId="165" fontId="22" fillId="4" borderId="1" xfId="3" applyNumberFormat="1" applyFont="1" applyFill="1" applyBorder="1" applyAlignment="1">
      <alignment horizontal="left" vertical="center"/>
    </xf>
    <xf numFmtId="168" fontId="22" fillId="4" borderId="1" xfId="35" applyNumberFormat="1" applyFont="1" applyFill="1" applyBorder="1" applyAlignment="1">
      <alignment horizontal="left" vertical="center"/>
    </xf>
    <xf numFmtId="164" fontId="22" fillId="0" borderId="1" xfId="3" applyNumberFormat="1" applyFont="1" applyFill="1" applyBorder="1" applyAlignment="1">
      <alignment horizontal="left" vertical="center"/>
    </xf>
    <xf numFmtId="164" fontId="22" fillId="4" borderId="1" xfId="3" applyNumberFormat="1" applyFont="1" applyFill="1" applyBorder="1" applyAlignment="1">
      <alignment horizontal="left" vertical="center"/>
    </xf>
    <xf numFmtId="165" fontId="22" fillId="0" borderId="1" xfId="38" applyNumberFormat="1" applyFont="1" applyFill="1" applyBorder="1" applyAlignment="1">
      <alignment horizontal="left" vertical="center"/>
    </xf>
    <xf numFmtId="168" fontId="22" fillId="0" borderId="1" xfId="38" applyNumberFormat="1" applyFont="1" applyFill="1" applyBorder="1" applyAlignment="1">
      <alignment horizontal="left" vertical="center"/>
    </xf>
    <xf numFmtId="168" fontId="24" fillId="0" borderId="1" xfId="22" applyNumberFormat="1" applyFont="1" applyFill="1" applyBorder="1" applyAlignment="1">
      <alignment horizontal="left" vertical="center"/>
    </xf>
    <xf numFmtId="165" fontId="22" fillId="4" borderId="1" xfId="38" applyNumberFormat="1" applyFont="1" applyFill="1" applyBorder="1" applyAlignment="1">
      <alignment horizontal="left" vertical="center"/>
    </xf>
    <xf numFmtId="168" fontId="22" fillId="4" borderId="1" xfId="38" applyNumberFormat="1" applyFont="1" applyFill="1" applyBorder="1" applyAlignment="1">
      <alignment horizontal="left" vertical="center"/>
    </xf>
    <xf numFmtId="168" fontId="24" fillId="4" borderId="1" xfId="22" applyNumberFormat="1" applyFont="1" applyFill="1" applyBorder="1" applyAlignment="1">
      <alignment horizontal="left" vertical="center"/>
    </xf>
    <xf numFmtId="164" fontId="22" fillId="0" borderId="1" xfId="38" applyNumberFormat="1" applyFont="1" applyFill="1" applyBorder="1" applyAlignment="1">
      <alignment horizontal="left" vertical="center"/>
    </xf>
    <xf numFmtId="164" fontId="22" fillId="4" borderId="1" xfId="38" applyNumberFormat="1" applyFont="1" applyFill="1" applyBorder="1" applyAlignment="1">
      <alignment horizontal="left" vertical="center"/>
    </xf>
    <xf numFmtId="166" fontId="22" fillId="4" borderId="1" xfId="38" applyNumberFormat="1" applyFont="1" applyFill="1" applyBorder="1" applyAlignment="1">
      <alignment horizontal="left" vertical="center"/>
    </xf>
    <xf numFmtId="166" fontId="22" fillId="0" borderId="1" xfId="38" applyNumberFormat="1" applyFont="1" applyFill="1" applyBorder="1" applyAlignment="1">
      <alignment horizontal="left" vertical="center"/>
    </xf>
    <xf numFmtId="165" fontId="22"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5" fontId="22" fillId="4" borderId="1" xfId="25" applyNumberFormat="1" applyFont="1" applyFill="1" applyBorder="1" applyAlignment="1">
      <alignment horizontal="left" vertical="center"/>
    </xf>
    <xf numFmtId="168" fontId="22" fillId="4" borderId="1" xfId="25" applyNumberFormat="1" applyFont="1" applyFill="1" applyBorder="1" applyAlignment="1">
      <alignment horizontal="left" vertical="center"/>
    </xf>
    <xf numFmtId="164" fontId="22" fillId="0" borderId="1" xfId="25" applyNumberFormat="1" applyFont="1" applyFill="1" applyBorder="1" applyAlignment="1">
      <alignment horizontal="left" vertical="center"/>
    </xf>
    <xf numFmtId="164" fontId="22" fillId="4" borderId="1" xfId="25" applyNumberFormat="1" applyFont="1" applyFill="1" applyBorder="1" applyAlignment="1">
      <alignment horizontal="left" vertical="center"/>
    </xf>
    <xf numFmtId="165" fontId="22"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168" fontId="24" fillId="0" borderId="1" xfId="24" applyNumberFormat="1" applyFont="1" applyFill="1" applyBorder="1" applyAlignment="1">
      <alignment horizontal="left" vertical="center"/>
    </xf>
    <xf numFmtId="165" fontId="22" fillId="4" borderId="1" xfId="24" applyNumberFormat="1" applyFont="1" applyFill="1" applyBorder="1" applyAlignment="1">
      <alignment horizontal="left" vertical="center"/>
    </xf>
    <xf numFmtId="168" fontId="22" fillId="4" borderId="1" xfId="24" applyNumberFormat="1" applyFont="1" applyFill="1" applyBorder="1" applyAlignment="1">
      <alignment horizontal="left" vertical="center"/>
    </xf>
    <xf numFmtId="168" fontId="24" fillId="4" borderId="1" xfId="24" applyNumberFormat="1" applyFont="1" applyFill="1" applyBorder="1" applyAlignment="1">
      <alignment horizontal="left" vertical="center"/>
    </xf>
    <xf numFmtId="164" fontId="22" fillId="0" borderId="1" xfId="24" applyNumberFormat="1" applyFont="1" applyFill="1" applyBorder="1" applyAlignment="1">
      <alignment horizontal="left" vertical="center"/>
    </xf>
    <xf numFmtId="164" fontId="22" fillId="4" borderId="1" xfId="24" applyNumberFormat="1" applyFont="1" applyFill="1" applyBorder="1" applyAlignment="1">
      <alignment horizontal="left" vertical="center"/>
    </xf>
    <xf numFmtId="165" fontId="22" fillId="0" borderId="1" xfId="21" applyNumberFormat="1" applyFont="1" applyFill="1" applyBorder="1" applyAlignment="1">
      <alignment horizontal="left" vertical="center"/>
    </xf>
    <xf numFmtId="168" fontId="22" fillId="0" borderId="1" xfId="21" applyNumberFormat="1" applyFont="1" applyFill="1" applyBorder="1" applyAlignment="1">
      <alignment horizontal="left" vertical="center"/>
    </xf>
    <xf numFmtId="168" fontId="24" fillId="0" borderId="1" xfId="21" applyNumberFormat="1" applyFont="1" applyFill="1" applyBorder="1" applyAlignment="1">
      <alignment horizontal="left" vertical="center"/>
    </xf>
    <xf numFmtId="165" fontId="22" fillId="4" borderId="1" xfId="21" applyNumberFormat="1" applyFont="1" applyFill="1" applyBorder="1" applyAlignment="1">
      <alignment horizontal="left" vertical="center"/>
    </xf>
    <xf numFmtId="168" fontId="22" fillId="4" borderId="1" xfId="21" applyNumberFormat="1" applyFont="1" applyFill="1" applyBorder="1" applyAlignment="1">
      <alignment horizontal="left" vertical="center"/>
    </xf>
    <xf numFmtId="168" fontId="24" fillId="4" borderId="1" xfId="21" applyNumberFormat="1" applyFont="1" applyFill="1" applyBorder="1" applyAlignment="1">
      <alignment horizontal="left" vertical="center"/>
    </xf>
    <xf numFmtId="164" fontId="22" fillId="0" borderId="1" xfId="21" applyNumberFormat="1" applyFont="1" applyFill="1" applyBorder="1" applyAlignment="1">
      <alignment horizontal="left" vertical="center"/>
    </xf>
    <xf numFmtId="164" fontId="22" fillId="4" borderId="1" xfId="21" applyNumberFormat="1" applyFont="1" applyFill="1" applyBorder="1" applyAlignment="1">
      <alignment horizontal="left" vertical="center"/>
    </xf>
    <xf numFmtId="165" fontId="22"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8" fontId="24" fillId="0" borderId="1" xfId="26" applyNumberFormat="1" applyFont="1" applyFill="1" applyBorder="1" applyAlignment="1">
      <alignment horizontal="left" vertical="center"/>
    </xf>
    <xf numFmtId="165" fontId="22"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8" fontId="24" fillId="4" borderId="1" xfId="26" applyNumberFormat="1" applyFont="1" applyFill="1" applyBorder="1" applyAlignment="1">
      <alignment horizontal="left" vertical="center"/>
    </xf>
    <xf numFmtId="164" fontId="22" fillId="0" borderId="1" xfId="26" applyNumberFormat="1" applyFont="1" applyFill="1" applyBorder="1" applyAlignment="1">
      <alignment horizontal="left" vertical="center"/>
    </xf>
    <xf numFmtId="164" fontId="22" fillId="4" borderId="1" xfId="26" applyNumberFormat="1" applyFont="1" applyFill="1" applyBorder="1" applyAlignment="1">
      <alignment horizontal="left" vertical="center"/>
    </xf>
    <xf numFmtId="165" fontId="22" fillId="0" borderId="1" xfId="20" applyNumberFormat="1" applyFont="1" applyFill="1" applyBorder="1" applyAlignment="1">
      <alignment horizontal="left" vertical="center"/>
    </xf>
    <xf numFmtId="168" fontId="22" fillId="0" borderId="1" xfId="20" applyNumberFormat="1" applyFont="1" applyFill="1" applyBorder="1" applyAlignment="1">
      <alignment horizontal="left" vertical="center"/>
    </xf>
    <xf numFmtId="168" fontId="24" fillId="0" borderId="1" xfId="20" applyNumberFormat="1" applyFont="1" applyFill="1" applyBorder="1" applyAlignment="1">
      <alignment horizontal="left" vertical="center"/>
    </xf>
    <xf numFmtId="165" fontId="22"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8" fontId="24" fillId="4" borderId="1" xfId="20" applyNumberFormat="1" applyFont="1" applyFill="1" applyBorder="1" applyAlignment="1">
      <alignment horizontal="left" vertical="center"/>
    </xf>
    <xf numFmtId="164" fontId="22" fillId="0" borderId="1" xfId="20" applyNumberFormat="1" applyFont="1" applyFill="1" applyBorder="1" applyAlignment="1">
      <alignment horizontal="left" vertical="center"/>
    </xf>
    <xf numFmtId="164" fontId="22" fillId="4" borderId="1" xfId="20" applyNumberFormat="1" applyFont="1" applyFill="1" applyBorder="1" applyAlignment="1">
      <alignment horizontal="left" vertical="center"/>
    </xf>
    <xf numFmtId="165" fontId="22" fillId="0" borderId="1" xfId="23" applyNumberFormat="1" applyFont="1" applyFill="1" applyBorder="1" applyAlignment="1">
      <alignment horizontal="left" vertical="center"/>
    </xf>
    <xf numFmtId="168" fontId="22" fillId="0" borderId="1" xfId="23" applyNumberFormat="1" applyFont="1" applyFill="1" applyBorder="1" applyAlignment="1">
      <alignment horizontal="left" vertical="center"/>
    </xf>
    <xf numFmtId="168" fontId="24" fillId="0" borderId="1" xfId="23" applyNumberFormat="1" applyFont="1" applyFill="1" applyBorder="1" applyAlignment="1">
      <alignment horizontal="left" vertical="center"/>
    </xf>
    <xf numFmtId="165" fontId="22" fillId="4" borderId="1" xfId="23"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8" fontId="24" fillId="4" borderId="1" xfId="23" applyNumberFormat="1" applyFont="1" applyFill="1" applyBorder="1" applyAlignment="1">
      <alignment horizontal="left" vertical="center"/>
    </xf>
    <xf numFmtId="164" fontId="22" fillId="0" borderId="1" xfId="23" applyNumberFormat="1" applyFont="1" applyFill="1" applyBorder="1" applyAlignment="1">
      <alignment horizontal="left" vertical="center"/>
    </xf>
    <xf numFmtId="164" fontId="22" fillId="4" borderId="1" xfId="23" applyNumberFormat="1" applyFont="1" applyFill="1" applyBorder="1" applyAlignment="1">
      <alignment horizontal="left" vertical="center"/>
    </xf>
    <xf numFmtId="165" fontId="22" fillId="0" borderId="1" xfId="29" applyNumberFormat="1" applyFont="1" applyFill="1" applyBorder="1" applyAlignment="1">
      <alignment horizontal="left" vertical="center" wrapText="1"/>
    </xf>
    <xf numFmtId="166" fontId="22" fillId="0" borderId="1" xfId="23" applyNumberFormat="1" applyFont="1" applyFill="1" applyBorder="1" applyAlignment="1">
      <alignment horizontal="left" vertical="center"/>
    </xf>
    <xf numFmtId="165" fontId="22" fillId="0" borderId="1" xfId="19" applyNumberFormat="1" applyFont="1" applyFill="1" applyBorder="1" applyAlignment="1">
      <alignment horizontal="left" vertical="center"/>
    </xf>
    <xf numFmtId="168" fontId="22" fillId="0" borderId="1" xfId="19" applyNumberFormat="1" applyFont="1" applyFill="1" applyBorder="1" applyAlignment="1">
      <alignment horizontal="left" vertical="center"/>
    </xf>
    <xf numFmtId="168" fontId="24" fillId="0" borderId="1" xfId="19" applyNumberFormat="1" applyFont="1" applyFill="1" applyBorder="1" applyAlignment="1">
      <alignment horizontal="left" vertical="center"/>
    </xf>
    <xf numFmtId="165" fontId="22" fillId="4" borderId="1" xfId="19" applyNumberFormat="1" applyFont="1" applyFill="1" applyBorder="1" applyAlignment="1">
      <alignment horizontal="left" vertical="center"/>
    </xf>
    <xf numFmtId="168" fontId="22" fillId="4" borderId="1" xfId="19" applyNumberFormat="1" applyFont="1" applyFill="1" applyBorder="1" applyAlignment="1">
      <alignment horizontal="left" vertical="center"/>
    </xf>
    <xf numFmtId="168" fontId="24" fillId="4" borderId="1" xfId="19" applyNumberFormat="1" applyFont="1" applyFill="1" applyBorder="1" applyAlignment="1">
      <alignment horizontal="left" vertical="center"/>
    </xf>
    <xf numFmtId="164" fontId="22" fillId="0" borderId="1" xfId="19" applyNumberFormat="1" applyFont="1" applyFill="1" applyBorder="1" applyAlignment="1">
      <alignment horizontal="left" vertical="center"/>
    </xf>
    <xf numFmtId="164" fontId="22" fillId="4" borderId="1" xfId="19" applyNumberFormat="1" applyFont="1" applyFill="1" applyBorder="1" applyAlignment="1">
      <alignment horizontal="left" vertical="center"/>
    </xf>
    <xf numFmtId="0" fontId="29" fillId="2" borderId="0" xfId="0" applyFont="1" applyFill="1" applyAlignment="1">
      <alignment wrapText="1"/>
    </xf>
    <xf numFmtId="0" fontId="7"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10" fillId="3" borderId="0" xfId="0" applyFont="1" applyFill="1" applyAlignment="1">
      <alignment horizontal="left"/>
    </xf>
    <xf numFmtId="0" fontId="7" fillId="3" borderId="0" xfId="0" applyFont="1" applyFill="1" applyAlignment="1">
      <alignment vertical="center" wrapText="1"/>
    </xf>
    <xf numFmtId="0" fontId="7" fillId="3" borderId="0" xfId="0" applyFont="1" applyFill="1" applyAlignment="1">
      <alignment horizontal="left" wrapText="1"/>
    </xf>
    <xf numFmtId="0" fontId="7" fillId="3" borderId="0" xfId="0" applyFont="1" applyFill="1" applyBorder="1" applyAlignment="1">
      <alignment wrapText="1"/>
    </xf>
    <xf numFmtId="0" fontId="32" fillId="2" borderId="0" xfId="0" applyFont="1" applyFill="1"/>
    <xf numFmtId="0" fontId="17" fillId="0" borderId="0" xfId="2" applyFont="1" applyFill="1" applyBorder="1" applyAlignment="1">
      <alignment vertical="top" wrapText="1"/>
    </xf>
    <xf numFmtId="0" fontId="16" fillId="0" borderId="0" xfId="0" applyFont="1" applyFill="1" applyBorder="1" applyAlignment="1">
      <alignment vertical="top"/>
    </xf>
    <xf numFmtId="0" fontId="0" fillId="0" borderId="0" xfId="0" applyFont="1" applyFill="1"/>
    <xf numFmtId="0" fontId="31" fillId="0" borderId="0" xfId="0" applyFont="1"/>
    <xf numFmtId="0" fontId="17" fillId="0" borderId="0" xfId="5" quotePrefix="1" applyFont="1" applyFill="1" applyBorder="1" applyAlignment="1">
      <alignment vertical="top" wrapText="1"/>
    </xf>
    <xf numFmtId="0" fontId="35" fillId="3" borderId="0" xfId="1" applyFont="1" applyFill="1" applyAlignment="1">
      <alignment horizontal="left"/>
    </xf>
    <xf numFmtId="0" fontId="35" fillId="3" borderId="0" xfId="1" applyFont="1" applyFill="1"/>
    <xf numFmtId="0" fontId="35" fillId="3" borderId="0" xfId="1" quotePrefix="1" applyFont="1" applyFill="1"/>
    <xf numFmtId="1" fontId="35" fillId="3" borderId="0" xfId="1" applyNumberFormat="1" applyFont="1" applyFill="1" applyAlignment="1">
      <alignment horizontal="left"/>
    </xf>
    <xf numFmtId="0" fontId="36" fillId="3" borderId="0" xfId="0" applyFont="1" applyFill="1" applyAlignment="1">
      <alignment horizontal="left" wrapText="1"/>
    </xf>
    <xf numFmtId="0" fontId="28" fillId="3" borderId="0" xfId="0" applyFont="1" applyFill="1" applyAlignment="1">
      <alignment horizontal="left" wrapText="1"/>
    </xf>
    <xf numFmtId="0" fontId="29" fillId="3" borderId="0" xfId="0" applyFont="1" applyFill="1" applyAlignment="1">
      <alignment horizontal="left" wrapText="1"/>
    </xf>
    <xf numFmtId="0" fontId="28" fillId="3" borderId="0" xfId="0" applyFont="1" applyFill="1" applyAlignment="1">
      <alignment wrapText="1"/>
    </xf>
    <xf numFmtId="0" fontId="29" fillId="3" borderId="0" xfId="0" applyFont="1" applyFill="1" applyAlignment="1">
      <alignment wrapText="1"/>
    </xf>
    <xf numFmtId="0" fontId="29" fillId="3" borderId="0" xfId="0" applyFont="1" applyFill="1" applyBorder="1" applyAlignment="1">
      <alignment vertical="top" wrapText="1"/>
    </xf>
    <xf numFmtId="0" fontId="28" fillId="3" borderId="0" xfId="0" applyFont="1" applyFill="1" applyBorder="1" applyAlignment="1">
      <alignment wrapText="1"/>
    </xf>
    <xf numFmtId="0" fontId="29" fillId="3" borderId="0" xfId="0" applyFont="1" applyFill="1" applyAlignment="1">
      <alignment vertical="center" wrapText="1"/>
    </xf>
    <xf numFmtId="0" fontId="28" fillId="3" borderId="0" xfId="0" applyFont="1" applyFill="1" applyAlignment="1">
      <alignment vertical="center" wrapText="1"/>
    </xf>
    <xf numFmtId="0" fontId="9" fillId="2" borderId="0" xfId="0" applyFont="1" applyFill="1" applyAlignment="1">
      <alignment horizontal="center"/>
    </xf>
    <xf numFmtId="0" fontId="10" fillId="2" borderId="0" xfId="0" applyFont="1" applyFill="1" applyAlignment="1">
      <alignment horizontal="center"/>
    </xf>
    <xf numFmtId="0" fontId="0" fillId="3" borderId="0" xfId="0" quotePrefix="1" applyFill="1"/>
    <xf numFmtId="0" fontId="0" fillId="3" borderId="0" xfId="0" applyFill="1"/>
    <xf numFmtId="0" fontId="10" fillId="3" borderId="0" xfId="0" applyFont="1" applyFill="1" applyAlignment="1">
      <alignment horizontal="left"/>
    </xf>
    <xf numFmtId="0" fontId="15" fillId="3" borderId="0" xfId="0" applyFont="1" applyFill="1" applyAlignment="1">
      <alignment horizontal="left"/>
    </xf>
    <xf numFmtId="0" fontId="16" fillId="4" borderId="0" xfId="0" applyFont="1" applyFill="1" applyBorder="1" applyAlignment="1">
      <alignment horizontal="left" vertical="top"/>
    </xf>
    <xf numFmtId="0" fontId="17" fillId="0" borderId="0" xfId="34" applyFont="1" applyFill="1" applyBorder="1" applyAlignment="1">
      <alignment horizontal="left" vertical="top" wrapText="1"/>
    </xf>
    <xf numFmtId="0" fontId="18" fillId="5" borderId="1" xfId="34" quotePrefix="1" applyFont="1" applyFill="1" applyBorder="1" applyAlignment="1">
      <alignment horizontal="left" vertical="top" wrapText="1"/>
    </xf>
    <xf numFmtId="0" fontId="17" fillId="0" borderId="0" xfId="34" quotePrefix="1" applyFont="1" applyFill="1" applyBorder="1" applyAlignment="1">
      <alignment horizontal="left" vertical="top" wrapText="1"/>
    </xf>
    <xf numFmtId="0" fontId="18" fillId="5" borderId="1" xfId="31" applyFont="1" applyFill="1" applyBorder="1" applyAlignment="1">
      <alignment horizontal="left" vertical="top" wrapText="1"/>
    </xf>
    <xf numFmtId="0" fontId="17" fillId="0" borderId="2" xfId="2" applyFont="1" applyFill="1" applyBorder="1" applyAlignment="1">
      <alignment horizontal="left" vertical="top" wrapText="1"/>
    </xf>
    <xf numFmtId="0" fontId="17" fillId="0" borderId="0" xfId="31" applyFont="1" applyFill="1" applyBorder="1" applyAlignment="1">
      <alignment horizontal="left" vertical="top" wrapText="1"/>
    </xf>
    <xf numFmtId="0" fontId="18" fillId="5" borderId="1" xfId="7" applyFont="1" applyFill="1" applyBorder="1" applyAlignment="1">
      <alignment horizontal="left" vertical="top" wrapText="1"/>
    </xf>
    <xf numFmtId="167" fontId="18" fillId="5" borderId="1" xfId="7" applyNumberFormat="1" applyFont="1" applyFill="1" applyBorder="1" applyAlignment="1">
      <alignment horizontal="left" vertical="top" wrapText="1"/>
    </xf>
    <xf numFmtId="167" fontId="16" fillId="4" borderId="0" xfId="0" applyNumberFormat="1" applyFont="1" applyFill="1" applyBorder="1" applyAlignment="1">
      <alignment horizontal="left" vertical="top"/>
    </xf>
    <xf numFmtId="167" fontId="17" fillId="0" borderId="0" xfId="34" applyNumberFormat="1" applyFont="1" applyFill="1" applyBorder="1" applyAlignment="1">
      <alignment horizontal="left" vertical="top" wrapText="1"/>
    </xf>
    <xf numFmtId="0" fontId="18" fillId="5" borderId="1" xfId="5" applyFont="1" applyFill="1" applyBorder="1" applyAlignment="1">
      <alignment horizontal="left" vertical="top" wrapText="1"/>
    </xf>
    <xf numFmtId="0" fontId="17" fillId="0" borderId="0" xfId="2" quotePrefix="1" applyFont="1" applyFill="1" applyBorder="1" applyAlignment="1">
      <alignment horizontal="left" vertical="top" wrapText="1"/>
    </xf>
    <xf numFmtId="0" fontId="17" fillId="0" borderId="0" xfId="5" quotePrefix="1" applyFont="1" applyFill="1" applyBorder="1" applyAlignment="1">
      <alignment horizontal="left" vertical="top" wrapText="1"/>
    </xf>
    <xf numFmtId="0" fontId="18" fillId="5" borderId="1" xfId="33" applyFont="1" applyFill="1" applyBorder="1" applyAlignment="1">
      <alignment horizontal="left" vertical="top" wrapText="1"/>
    </xf>
    <xf numFmtId="0" fontId="18" fillId="5" borderId="3" xfId="33" applyFont="1" applyFill="1" applyBorder="1" applyAlignment="1">
      <alignment horizontal="left" vertical="top" wrapText="1"/>
    </xf>
    <xf numFmtId="0" fontId="18" fillId="5" borderId="4" xfId="33" applyFont="1" applyFill="1" applyBorder="1" applyAlignment="1">
      <alignment horizontal="left" vertical="top" wrapText="1"/>
    </xf>
    <xf numFmtId="0" fontId="33" fillId="0" borderId="2" xfId="2" quotePrefix="1" applyFont="1" applyFill="1" applyBorder="1" applyAlignment="1">
      <alignment horizontal="left" vertical="top" wrapText="1"/>
    </xf>
    <xf numFmtId="0" fontId="17" fillId="0" borderId="0" xfId="2" applyFont="1" applyFill="1" applyBorder="1" applyAlignment="1">
      <alignment horizontal="left" vertical="top" wrapText="1"/>
    </xf>
    <xf numFmtId="0" fontId="18" fillId="5" borderId="1" xfId="31" quotePrefix="1" applyFont="1" applyFill="1" applyBorder="1" applyAlignment="1">
      <alignment horizontal="left" vertical="top" wrapText="1"/>
    </xf>
    <xf numFmtId="0" fontId="18" fillId="5" borderId="1" xfId="28" applyFont="1" applyFill="1" applyBorder="1" applyAlignment="1">
      <alignment horizontal="left" vertical="top" wrapText="1"/>
    </xf>
    <xf numFmtId="0" fontId="17" fillId="0" borderId="0" xfId="4" quotePrefix="1" applyFont="1" applyFill="1" applyBorder="1" applyAlignment="1">
      <alignment horizontal="left" vertical="top" wrapText="1"/>
    </xf>
    <xf numFmtId="0" fontId="17" fillId="0" borderId="0" xfId="4" applyFont="1" applyFill="1" applyBorder="1" applyAlignment="1">
      <alignment horizontal="left" vertical="top" wrapText="1"/>
    </xf>
    <xf numFmtId="0" fontId="18" fillId="5" borderId="1" xfId="0" applyFont="1" applyFill="1" applyBorder="1" applyAlignment="1">
      <alignment horizontal="left" vertical="top" wrapText="1"/>
    </xf>
    <xf numFmtId="0" fontId="18" fillId="5" borderId="1" xfId="0" applyFont="1" applyFill="1" applyBorder="1" applyAlignment="1">
      <alignment horizontal="left" vertical="top"/>
    </xf>
    <xf numFmtId="0" fontId="17" fillId="0" borderId="2" xfId="5" quotePrefix="1" applyFont="1" applyFill="1" applyBorder="1" applyAlignment="1">
      <alignment horizontal="left" vertical="top" wrapText="1"/>
    </xf>
    <xf numFmtId="0" fontId="18" fillId="5" borderId="3" xfId="0" applyFont="1" applyFill="1" applyBorder="1" applyAlignment="1">
      <alignment horizontal="left" vertical="top"/>
    </xf>
    <xf numFmtId="0" fontId="18" fillId="5" borderId="4" xfId="0" applyFont="1" applyFill="1" applyBorder="1" applyAlignment="1">
      <alignment horizontal="left" vertical="top"/>
    </xf>
    <xf numFmtId="0" fontId="18" fillId="5" borderId="5" xfId="0" applyFont="1" applyFill="1" applyBorder="1" applyAlignment="1">
      <alignment horizontal="left" vertical="top"/>
    </xf>
    <xf numFmtId="0" fontId="17" fillId="0" borderId="0" xfId="9" quotePrefix="1" applyFont="1" applyFill="1" applyBorder="1" applyAlignment="1">
      <alignment horizontal="left" vertical="top" wrapText="1"/>
    </xf>
    <xf numFmtId="0" fontId="17" fillId="0" borderId="0" xfId="9" applyFont="1" applyFill="1" applyBorder="1" applyAlignment="1">
      <alignment horizontal="left" vertical="top" wrapText="1"/>
    </xf>
    <xf numFmtId="0" fontId="17" fillId="0" borderId="2" xfId="3" quotePrefix="1" applyFont="1" applyFill="1" applyBorder="1" applyAlignment="1">
      <alignment horizontal="left" vertical="top" wrapText="1"/>
    </xf>
    <xf numFmtId="0" fontId="17" fillId="0" borderId="2" xfId="4" quotePrefix="1" applyFont="1" applyFill="1" applyBorder="1" applyAlignment="1">
      <alignment horizontal="left" vertical="top" wrapText="1"/>
    </xf>
    <xf numFmtId="0" fontId="17" fillId="0" borderId="0" xfId="3" quotePrefix="1" applyFont="1" applyFill="1" applyBorder="1" applyAlignment="1">
      <alignment horizontal="left" vertical="top" wrapText="1"/>
    </xf>
    <xf numFmtId="0" fontId="17" fillId="0" borderId="0" xfId="3" applyFont="1" applyFill="1" applyBorder="1" applyAlignment="1">
      <alignment horizontal="left" vertical="top" wrapText="1"/>
    </xf>
    <xf numFmtId="0" fontId="18" fillId="5" borderId="3" xfId="28" applyFont="1" applyFill="1" applyBorder="1" applyAlignment="1">
      <alignment horizontal="left" vertical="top" wrapText="1"/>
    </xf>
    <xf numFmtId="0" fontId="18" fillId="5" borderId="4" xfId="28" applyFont="1" applyFill="1" applyBorder="1" applyAlignment="1">
      <alignment horizontal="left" vertical="top" wrapText="1"/>
    </xf>
    <xf numFmtId="0" fontId="18" fillId="5" borderId="5" xfId="28" applyFont="1" applyFill="1" applyBorder="1" applyAlignment="1">
      <alignment horizontal="left" vertical="top" wrapText="1"/>
    </xf>
  </cellXfs>
  <cellStyles count="45">
    <cellStyle name="Hyperlink" xfId="1" builtinId="8"/>
    <cellStyle name="Normal" xfId="0" builtinId="0"/>
    <cellStyle name="Normal 2" xfId="44"/>
    <cellStyle name="Normal_%2_1" xfId="2"/>
    <cellStyle name="Normal_Belonging" xfId="3"/>
    <cellStyle name="Normal_CommLeader" xfId="4"/>
    <cellStyle name="Normal_CommunityEconomicWB" xfId="5"/>
    <cellStyle name="Normal_CWI" xfId="6"/>
    <cellStyle name="Normal_CWI Ind" xfId="7"/>
    <cellStyle name="Normal_CWI_1" xfId="8"/>
    <cellStyle name="Normal_Equity" xfId="9"/>
    <cellStyle name="Normal_FamilyFriends" xfId="10"/>
    <cellStyle name="Normal_GenHealth" xfId="11"/>
    <cellStyle name="Normal_GettingInvolved" xfId="12"/>
    <cellStyle name="Normal_HouseholdFinance" xfId="13"/>
    <cellStyle name="Normal_HouseholdFinWB" xfId="14"/>
    <cellStyle name="Normal_K10" xfId="15"/>
    <cellStyle name="Normal_liveability" xfId="16"/>
    <cellStyle name="Normal_Mean2" xfId="17"/>
    <cellStyle name="Normal_Migration" xfId="18"/>
    <cellStyle name="Normal_NaturalCap" xfId="19"/>
    <cellStyle name="Normal_PhysCrime" xfId="20"/>
    <cellStyle name="Normal_PhysFinance" xfId="21"/>
    <cellStyle name="Normal_PhysHealthetc" xfId="22"/>
    <cellStyle name="Normal_PhysLandscape" xfId="23"/>
    <cellStyle name="Normal_PhysRetail" xfId="24"/>
    <cellStyle name="Normal_PhysRoadsTrans" xfId="25"/>
    <cellStyle name="Normal_PhysTelecom" xfId="26"/>
    <cellStyle name="Normal_PWI_1" xfId="27"/>
    <cellStyle name="Normal_Self efficacy" xfId="28"/>
    <cellStyle name="Normal_Sheet1" xfId="29"/>
    <cellStyle name="Normal_Sheet1_1" xfId="30"/>
    <cellStyle name="Normal_Sheet10" xfId="31"/>
    <cellStyle name="Normal_Sheet12" xfId="32"/>
    <cellStyle name="Normal_Sheet13" xfId="33"/>
    <cellStyle name="Normal_Sheet2_1" xfId="34"/>
    <cellStyle name="Normal_Sheet3" xfId="35"/>
    <cellStyle name="Normal_Sheet4" xfId="36"/>
    <cellStyle name="Normal_Sheet5" xfId="37"/>
    <cellStyle name="Normal_Sheet5_1" xfId="38"/>
    <cellStyle name="Normal_Sheet6" xfId="39"/>
    <cellStyle name="Normal_Sheet7" xfId="40"/>
    <cellStyle name="Normal_Sheet7_1" xfId="41"/>
    <cellStyle name="Normal_Sheet8" xfId="42"/>
    <cellStyle name="Normal_Volunteering" xfId="4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5</xdr:col>
      <xdr:colOff>285750</xdr:colOff>
      <xdr:row>25</xdr:row>
      <xdr:rowOff>152400</xdr:rowOff>
    </xdr:to>
    <xdr:pic>
      <xdr:nvPicPr>
        <xdr:cNvPr id="2" name="Picture 1">
          <a:extLst>
            <a:ext uri="{FF2B5EF4-FFF2-40B4-BE49-F238E27FC236}">
              <a16:creationId xmlns:a16="http://schemas.microsoft.com/office/drawing/2014/main" id="{00000000-0008-0000-0000-000002000000}"/>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0" y="0"/>
          <a:ext cx="9144000" cy="5143500"/>
        </a:xfrm>
        <a:prstGeom prst="rect">
          <a:avLst/>
        </a:prstGeom>
      </xdr:spPr>
    </xdr:pic>
    <xdr:clientData/>
  </xdr:twoCellAnchor>
</xdr:wsDr>
</file>

<file path=xl/theme/theme1.xml><?xml version="1.0" encoding="utf-8"?>
<a:theme xmlns:a="http://schemas.openxmlformats.org/drawingml/2006/main" name="Kilter">
  <a:themeElements>
    <a:clrScheme name="Kilter">
      <a:dk1>
        <a:sysClr val="windowText" lastClr="000000"/>
      </a:dk1>
      <a:lt1>
        <a:sysClr val="window" lastClr="FFFFFF"/>
      </a:lt1>
      <a:dk2>
        <a:srgbClr val="318FC5"/>
      </a:dk2>
      <a:lt2>
        <a:srgbClr val="AEE8FB"/>
      </a:lt2>
      <a:accent1>
        <a:srgbClr val="76C5EF"/>
      </a:accent1>
      <a:accent2>
        <a:srgbClr val="FEA022"/>
      </a:accent2>
      <a:accent3>
        <a:srgbClr val="FF6700"/>
      </a:accent3>
      <a:accent4>
        <a:srgbClr val="70A525"/>
      </a:accent4>
      <a:accent5>
        <a:srgbClr val="A5D848"/>
      </a:accent5>
      <a:accent6>
        <a:srgbClr val="20768C"/>
      </a:accent6>
      <a:hlink>
        <a:srgbClr val="7AB6E8"/>
      </a:hlink>
      <a:folHlink>
        <a:srgbClr val="83B0D3"/>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K1:S9"/>
  <sheetViews>
    <sheetView tabSelected="1" workbookViewId="0">
      <selection activeCell="G29" sqref="G29"/>
    </sheetView>
  </sheetViews>
  <sheetFormatPr defaultColWidth="8.85546875" defaultRowHeight="15"/>
  <cols>
    <col min="1" max="16384" width="8.85546875" style="2"/>
  </cols>
  <sheetData>
    <row r="1" spans="11:19" ht="23.25">
      <c r="Q1" s="306"/>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133"/>
  <sheetViews>
    <sheetView topLeftCell="A118" workbookViewId="0">
      <selection activeCell="C125" sqref="C125"/>
    </sheetView>
  </sheetViews>
  <sheetFormatPr defaultColWidth="18.5703125" defaultRowHeight="15"/>
  <cols>
    <col min="1" max="1" width="30.5703125" customWidth="1"/>
  </cols>
  <sheetData>
    <row r="1" spans="1:4" ht="31.5">
      <c r="A1" s="33" t="s">
        <v>53</v>
      </c>
    </row>
    <row r="3" spans="1:4" ht="18.75">
      <c r="A3" s="331" t="s">
        <v>16</v>
      </c>
      <c r="B3" s="331"/>
      <c r="C3" s="331"/>
      <c r="D3" s="331"/>
    </row>
    <row r="4" spans="1:4" ht="117.75" customHeight="1">
      <c r="A4" s="352" t="s">
        <v>221</v>
      </c>
      <c r="B4" s="352"/>
      <c r="C4" s="352"/>
      <c r="D4" s="352"/>
    </row>
    <row r="5" spans="1:4" ht="33.75" customHeight="1">
      <c r="A5" s="333" t="s">
        <v>222</v>
      </c>
      <c r="B5" s="333"/>
      <c r="C5" s="333"/>
      <c r="D5" s="333"/>
    </row>
    <row r="6" spans="1:4" ht="36.75" customHeight="1">
      <c r="A6" s="37" t="s">
        <v>114</v>
      </c>
      <c r="B6" s="38" t="s">
        <v>115</v>
      </c>
      <c r="C6" s="39" t="s">
        <v>116</v>
      </c>
      <c r="D6" s="40" t="s">
        <v>117</v>
      </c>
    </row>
    <row r="7" spans="1:4" ht="75.75" customHeight="1">
      <c r="A7" s="41"/>
      <c r="B7" s="42" t="s">
        <v>118</v>
      </c>
      <c r="C7" s="136" t="s">
        <v>223</v>
      </c>
      <c r="D7" s="44" t="s">
        <v>120</v>
      </c>
    </row>
    <row r="8" spans="1:4">
      <c r="A8" s="45" t="s">
        <v>449</v>
      </c>
      <c r="B8" s="207">
        <v>12520</v>
      </c>
      <c r="C8" s="208">
        <v>4.566222730993891</v>
      </c>
      <c r="D8" s="139">
        <v>3.6434495814010148E-2</v>
      </c>
    </row>
    <row r="9" spans="1:4">
      <c r="A9" s="49" t="s">
        <v>450</v>
      </c>
      <c r="B9" s="209">
        <v>3479</v>
      </c>
      <c r="C9" s="210">
        <v>4.5727275228196005</v>
      </c>
      <c r="D9" s="143">
        <v>6.915907548905853E-2</v>
      </c>
    </row>
    <row r="10" spans="1:4">
      <c r="A10" s="53" t="s">
        <v>451</v>
      </c>
      <c r="B10" s="83">
        <v>285</v>
      </c>
      <c r="C10" s="84">
        <v>4.5379912215341349</v>
      </c>
      <c r="D10" s="85">
        <v>0.24684641205007374</v>
      </c>
    </row>
    <row r="11" spans="1:4">
      <c r="A11" s="49" t="s">
        <v>452</v>
      </c>
      <c r="B11" s="209">
        <v>180</v>
      </c>
      <c r="C11" s="210">
        <v>4.2269161568186</v>
      </c>
      <c r="D11" s="143">
        <v>0.30773539296225128</v>
      </c>
    </row>
    <row r="12" spans="1:4">
      <c r="A12" s="57" t="s">
        <v>453</v>
      </c>
      <c r="B12" s="207">
        <v>363</v>
      </c>
      <c r="C12" s="208">
        <v>4.5204824264804762</v>
      </c>
      <c r="D12" s="139">
        <v>0.1937203800734153</v>
      </c>
    </row>
    <row r="13" spans="1:4">
      <c r="A13" s="49" t="s">
        <v>454</v>
      </c>
      <c r="B13" s="209">
        <v>720</v>
      </c>
      <c r="C13" s="210">
        <v>4.6649819590394346</v>
      </c>
      <c r="D13" s="143">
        <v>0.14733299172896341</v>
      </c>
    </row>
    <row r="14" spans="1:4">
      <c r="A14" s="57" t="s">
        <v>455</v>
      </c>
      <c r="B14" s="207">
        <v>220</v>
      </c>
      <c r="C14" s="208">
        <v>4.2199686938064813</v>
      </c>
      <c r="D14" s="139">
        <v>0.33540817036344261</v>
      </c>
    </row>
    <row r="15" spans="1:4">
      <c r="A15" s="49" t="s">
        <v>456</v>
      </c>
      <c r="B15" s="209">
        <v>679</v>
      </c>
      <c r="C15" s="210">
        <v>4.5350163545862712</v>
      </c>
      <c r="D15" s="143">
        <v>0.16038857530841533</v>
      </c>
    </row>
    <row r="16" spans="1:4">
      <c r="A16" s="57" t="s">
        <v>457</v>
      </c>
      <c r="B16" s="207">
        <v>213</v>
      </c>
      <c r="C16" s="208">
        <v>4.8329392996270748</v>
      </c>
      <c r="D16" s="139">
        <v>0.25886161744637981</v>
      </c>
    </row>
    <row r="17" spans="1:22">
      <c r="A17" s="49" t="s">
        <v>458</v>
      </c>
      <c r="B17" s="209">
        <v>303</v>
      </c>
      <c r="C17" s="210">
        <v>4.6208463053203452</v>
      </c>
      <c r="D17" s="143">
        <v>0.21378832082273913</v>
      </c>
    </row>
    <row r="18" spans="1:22">
      <c r="A18" s="57" t="s">
        <v>459</v>
      </c>
      <c r="B18" s="207">
        <v>465</v>
      </c>
      <c r="C18" s="208">
        <v>4.6405002271744404</v>
      </c>
      <c r="D18" s="139">
        <v>0.17723117385035358</v>
      </c>
    </row>
    <row r="19" spans="1:22">
      <c r="A19" s="49" t="s">
        <v>460</v>
      </c>
      <c r="B19" s="209">
        <v>167</v>
      </c>
      <c r="C19" s="210">
        <v>4.6143095737208775</v>
      </c>
      <c r="D19" s="143">
        <v>0.298411731335257</v>
      </c>
    </row>
    <row r="22" spans="1:22" ht="18.75">
      <c r="A22" s="331" t="s">
        <v>54</v>
      </c>
      <c r="B22" s="331"/>
      <c r="C22" s="331"/>
      <c r="D22" s="331"/>
      <c r="E22" s="331"/>
      <c r="F22" s="331"/>
      <c r="G22" s="331"/>
      <c r="H22" s="331"/>
      <c r="I22" s="331"/>
      <c r="J22" s="331"/>
      <c r="K22" s="331"/>
      <c r="L22" s="331"/>
      <c r="M22" s="331"/>
      <c r="N22" s="331"/>
      <c r="O22" s="331"/>
      <c r="P22" s="331"/>
      <c r="Q22" s="331"/>
      <c r="R22" s="331"/>
      <c r="S22" s="331"/>
      <c r="T22" s="331"/>
      <c r="U22" s="331"/>
      <c r="V22" s="331"/>
    </row>
    <row r="23" spans="1:22" ht="66" customHeight="1">
      <c r="A23" s="352" t="s">
        <v>224</v>
      </c>
      <c r="B23" s="352"/>
      <c r="C23" s="352"/>
      <c r="D23" s="352"/>
      <c r="E23" s="352"/>
      <c r="F23" s="352"/>
      <c r="G23" s="352"/>
      <c r="H23" s="352"/>
      <c r="I23" s="352"/>
      <c r="J23" s="352"/>
      <c r="K23" s="352"/>
      <c r="L23" s="352"/>
      <c r="M23" s="352"/>
      <c r="N23" s="352"/>
      <c r="O23" s="352"/>
      <c r="P23" s="352"/>
      <c r="Q23" s="352"/>
      <c r="R23" s="352"/>
      <c r="S23" s="352"/>
      <c r="T23" s="352"/>
      <c r="U23" s="352"/>
      <c r="V23" s="352"/>
    </row>
    <row r="24" spans="1:22" ht="37.5" customHeight="1">
      <c r="A24" s="64"/>
      <c r="B24" s="351" t="s">
        <v>225</v>
      </c>
      <c r="C24" s="351"/>
      <c r="D24" s="351"/>
      <c r="E24" s="351"/>
      <c r="F24" s="351"/>
      <c r="G24" s="351"/>
      <c r="H24" s="351"/>
      <c r="I24" s="351" t="s">
        <v>226</v>
      </c>
      <c r="J24" s="351"/>
      <c r="K24" s="351"/>
      <c r="L24" s="351"/>
      <c r="M24" s="351"/>
      <c r="N24" s="351"/>
      <c r="O24" s="351"/>
      <c r="P24" s="351" t="s">
        <v>227</v>
      </c>
      <c r="Q24" s="351"/>
      <c r="R24" s="351"/>
      <c r="S24" s="351"/>
      <c r="T24" s="351"/>
      <c r="U24" s="351"/>
      <c r="V24" s="351"/>
    </row>
    <row r="25" spans="1:22" ht="37.5" customHeight="1">
      <c r="A25" s="37" t="s">
        <v>114</v>
      </c>
      <c r="B25" s="38" t="s">
        <v>115</v>
      </c>
      <c r="C25" s="38" t="s">
        <v>228</v>
      </c>
      <c r="D25" s="93" t="s">
        <v>145</v>
      </c>
      <c r="E25" s="38" t="s">
        <v>229</v>
      </c>
      <c r="F25" s="93" t="s">
        <v>146</v>
      </c>
      <c r="G25" s="38" t="s">
        <v>230</v>
      </c>
      <c r="H25" s="93" t="s">
        <v>147</v>
      </c>
      <c r="I25" s="65" t="s">
        <v>115</v>
      </c>
      <c r="J25" s="65" t="s">
        <v>228</v>
      </c>
      <c r="K25" s="92" t="s">
        <v>145</v>
      </c>
      <c r="L25" s="65" t="s">
        <v>229</v>
      </c>
      <c r="M25" s="92" t="s">
        <v>146</v>
      </c>
      <c r="N25" s="65" t="s">
        <v>230</v>
      </c>
      <c r="O25" s="92" t="s">
        <v>147</v>
      </c>
      <c r="P25" s="38" t="s">
        <v>115</v>
      </c>
      <c r="Q25" s="38" t="s">
        <v>228</v>
      </c>
      <c r="R25" s="93" t="s">
        <v>145</v>
      </c>
      <c r="S25" s="38" t="s">
        <v>229</v>
      </c>
      <c r="T25" s="93" t="s">
        <v>146</v>
      </c>
      <c r="U25" s="38" t="s">
        <v>230</v>
      </c>
      <c r="V25" s="93" t="s">
        <v>147</v>
      </c>
    </row>
    <row r="26" spans="1:22" ht="71.25" customHeight="1">
      <c r="A26" s="41"/>
      <c r="B26" s="42" t="s">
        <v>118</v>
      </c>
      <c r="C26" s="42" t="s">
        <v>303</v>
      </c>
      <c r="D26" s="95" t="s">
        <v>148</v>
      </c>
      <c r="E26" s="42" t="s">
        <v>304</v>
      </c>
      <c r="F26" s="95" t="s">
        <v>148</v>
      </c>
      <c r="G26" s="42" t="s">
        <v>305</v>
      </c>
      <c r="H26" s="95" t="s">
        <v>148</v>
      </c>
      <c r="I26" s="68" t="s">
        <v>118</v>
      </c>
      <c r="J26" s="68" t="s">
        <v>303</v>
      </c>
      <c r="K26" s="94" t="s">
        <v>148</v>
      </c>
      <c r="L26" s="68" t="s">
        <v>304</v>
      </c>
      <c r="M26" s="94" t="s">
        <v>148</v>
      </c>
      <c r="N26" s="68" t="s">
        <v>305</v>
      </c>
      <c r="O26" s="94" t="s">
        <v>148</v>
      </c>
      <c r="P26" s="42" t="s">
        <v>118</v>
      </c>
      <c r="Q26" s="42" t="s">
        <v>303</v>
      </c>
      <c r="R26" s="95" t="s">
        <v>148</v>
      </c>
      <c r="S26" s="42" t="s">
        <v>304</v>
      </c>
      <c r="T26" s="95" t="s">
        <v>148</v>
      </c>
      <c r="U26" s="42" t="s">
        <v>305</v>
      </c>
      <c r="V26" s="95" t="s">
        <v>148</v>
      </c>
    </row>
    <row r="27" spans="1:22">
      <c r="A27" s="45" t="s">
        <v>449</v>
      </c>
      <c r="B27" s="207">
        <v>12897</v>
      </c>
      <c r="C27" s="211">
        <v>0.15626279463778509</v>
      </c>
      <c r="D27" s="98">
        <v>6.2675296683136605E-3</v>
      </c>
      <c r="E27" s="211">
        <v>0.16798435718880489</v>
      </c>
      <c r="F27" s="98">
        <v>6.4528372432166624E-3</v>
      </c>
      <c r="G27" s="211">
        <v>0.67575284817340997</v>
      </c>
      <c r="H27" s="98">
        <v>8.0778426689842031E-3</v>
      </c>
      <c r="I27" s="207">
        <v>12883</v>
      </c>
      <c r="J27" s="211">
        <v>0.26176795453468887</v>
      </c>
      <c r="K27" s="98">
        <v>7.5905705915097583E-3</v>
      </c>
      <c r="L27" s="211">
        <v>0.16193196954550279</v>
      </c>
      <c r="M27" s="98">
        <v>6.362086509789997E-3</v>
      </c>
      <c r="N27" s="211">
        <v>0.57630007591980836</v>
      </c>
      <c r="O27" s="98">
        <v>8.5317260498085339E-3</v>
      </c>
      <c r="P27" s="207">
        <v>12880</v>
      </c>
      <c r="Q27" s="211">
        <v>0.35060220471272729</v>
      </c>
      <c r="R27" s="98">
        <v>8.2396099781623343E-3</v>
      </c>
      <c r="S27" s="211">
        <v>0.15975316980211576</v>
      </c>
      <c r="T27" s="98">
        <v>6.328126221020882E-3</v>
      </c>
      <c r="U27" s="211">
        <v>0.48964462548515697</v>
      </c>
      <c r="V27" s="98">
        <v>8.6319241087893499E-3</v>
      </c>
    </row>
    <row r="28" spans="1:22">
      <c r="A28" s="49" t="s">
        <v>450</v>
      </c>
      <c r="B28" s="209">
        <v>3595</v>
      </c>
      <c r="C28" s="212">
        <v>0.16187660867220652</v>
      </c>
      <c r="D28" s="101">
        <v>1.2045291516280119E-2</v>
      </c>
      <c r="E28" s="212">
        <v>0.18121271508237613</v>
      </c>
      <c r="F28" s="101">
        <v>1.259433361206406E-2</v>
      </c>
      <c r="G28" s="212">
        <v>0.65691067624541732</v>
      </c>
      <c r="H28" s="101">
        <v>1.5512243161918841E-2</v>
      </c>
      <c r="I28" s="209">
        <v>3594</v>
      </c>
      <c r="J28" s="212">
        <v>0.27866122386642544</v>
      </c>
      <c r="K28" s="101">
        <v>1.465382424906129E-2</v>
      </c>
      <c r="L28" s="212">
        <v>0.16744021212779536</v>
      </c>
      <c r="M28" s="101">
        <v>1.221084118959272E-2</v>
      </c>
      <c r="N28" s="212">
        <v>0.5538985640057793</v>
      </c>
      <c r="O28" s="101">
        <v>1.6242882223266693E-2</v>
      </c>
      <c r="P28" s="209">
        <v>3590</v>
      </c>
      <c r="Q28" s="212">
        <v>0.30280236050121312</v>
      </c>
      <c r="R28" s="101">
        <v>1.5024968948325145E-2</v>
      </c>
      <c r="S28" s="212">
        <v>0.14447374812693997</v>
      </c>
      <c r="T28" s="101">
        <v>1.1507252299630625E-2</v>
      </c>
      <c r="U28" s="212">
        <v>0.55272389137184685</v>
      </c>
      <c r="V28" s="101">
        <v>1.6256027897211641E-2</v>
      </c>
    </row>
    <row r="29" spans="1:22">
      <c r="A29" s="53" t="s">
        <v>451</v>
      </c>
      <c r="B29" s="54">
        <v>285</v>
      </c>
      <c r="C29" s="190">
        <v>0.1833464395849643</v>
      </c>
      <c r="D29" s="98">
        <v>4.5021864283995482E-2</v>
      </c>
      <c r="E29" s="190">
        <v>0.20301593994070519</v>
      </c>
      <c r="F29" s="98">
        <v>4.6722588229375986E-2</v>
      </c>
      <c r="G29" s="190">
        <v>0.61363762047433046</v>
      </c>
      <c r="H29" s="98">
        <v>5.6180480542438349E-2</v>
      </c>
      <c r="I29" s="54">
        <v>283</v>
      </c>
      <c r="J29" s="190">
        <v>0.279651035659984</v>
      </c>
      <c r="K29" s="98">
        <v>5.2100120486475672E-2</v>
      </c>
      <c r="L29" s="190">
        <v>0.19232084457798973</v>
      </c>
      <c r="M29" s="98">
        <v>4.5981204939903514E-2</v>
      </c>
      <c r="N29" s="190">
        <v>0.52802811976202624</v>
      </c>
      <c r="O29" s="98">
        <v>5.7759131853491699E-2</v>
      </c>
      <c r="P29" s="54">
        <v>283</v>
      </c>
      <c r="Q29" s="190">
        <v>0.32256080061669568</v>
      </c>
      <c r="R29" s="98">
        <v>5.4190156534553634E-2</v>
      </c>
      <c r="S29" s="190">
        <v>0.10534092901012215</v>
      </c>
      <c r="T29" s="98">
        <v>3.6320828592767106E-2</v>
      </c>
      <c r="U29" s="190">
        <v>0.57209827037318217</v>
      </c>
      <c r="V29" s="98">
        <v>5.7259830236185458E-2</v>
      </c>
    </row>
    <row r="30" spans="1:22">
      <c r="A30" s="49" t="s">
        <v>452</v>
      </c>
      <c r="B30" s="209">
        <v>180</v>
      </c>
      <c r="C30" s="212">
        <v>0.30062096706081687</v>
      </c>
      <c r="D30" s="101">
        <v>6.6522968104350655E-2</v>
      </c>
      <c r="E30" s="212">
        <v>0.1728562024925514</v>
      </c>
      <c r="F30" s="101">
        <v>5.5508594102895235E-2</v>
      </c>
      <c r="G30" s="212">
        <v>0.52652283044663162</v>
      </c>
      <c r="H30" s="101">
        <v>7.2149219056920802E-2</v>
      </c>
      <c r="I30" s="209">
        <v>180</v>
      </c>
      <c r="J30" s="212">
        <v>0.35622594398099844</v>
      </c>
      <c r="K30" s="101">
        <v>6.932929579309359E-2</v>
      </c>
      <c r="L30" s="212">
        <v>0.16514836193185289</v>
      </c>
      <c r="M30" s="101">
        <v>5.458253420335267E-2</v>
      </c>
      <c r="N30" s="212">
        <v>0.47862569408714867</v>
      </c>
      <c r="O30" s="101">
        <v>7.2183356552563277E-2</v>
      </c>
      <c r="P30" s="209">
        <v>179</v>
      </c>
      <c r="Q30" s="212">
        <v>0.36033305050035097</v>
      </c>
      <c r="R30" s="101">
        <v>6.9687146867085631E-2</v>
      </c>
      <c r="S30" s="212">
        <v>0.11448471463528771</v>
      </c>
      <c r="T30" s="101">
        <v>4.7571643693660057E-2</v>
      </c>
      <c r="U30" s="212">
        <v>0.52518223486436122</v>
      </c>
      <c r="V30" s="101">
        <v>7.235572425657516E-2</v>
      </c>
    </row>
    <row r="31" spans="1:22">
      <c r="A31" s="57" t="s">
        <v>453</v>
      </c>
      <c r="B31" s="207">
        <v>363</v>
      </c>
      <c r="C31" s="211">
        <v>0.14184342384014345</v>
      </c>
      <c r="D31" s="98">
        <v>3.6100744159319319E-2</v>
      </c>
      <c r="E31" s="211">
        <v>0.19972793516825782</v>
      </c>
      <c r="F31" s="98">
        <v>4.115292808285119E-2</v>
      </c>
      <c r="G31" s="211">
        <v>0.6584286409915987</v>
      </c>
      <c r="H31" s="98">
        <v>4.8578363027520402E-2</v>
      </c>
      <c r="I31" s="207">
        <v>360</v>
      </c>
      <c r="J31" s="211">
        <v>0.35531316236521121</v>
      </c>
      <c r="K31" s="98">
        <v>4.9217409925873215E-2</v>
      </c>
      <c r="L31" s="211">
        <v>0.15814501472333392</v>
      </c>
      <c r="M31" s="98">
        <v>3.7842387085010407E-2</v>
      </c>
      <c r="N31" s="211">
        <v>0.48654182291145487</v>
      </c>
      <c r="O31" s="98">
        <v>5.1347753409063911E-2</v>
      </c>
      <c r="P31" s="207">
        <v>362</v>
      </c>
      <c r="Q31" s="211">
        <v>0.24424990358835325</v>
      </c>
      <c r="R31" s="98">
        <v>4.4186343643220424E-2</v>
      </c>
      <c r="S31" s="211">
        <v>0.13596732633786821</v>
      </c>
      <c r="T31" s="98">
        <v>3.5543353988556792E-2</v>
      </c>
      <c r="U31" s="211">
        <v>0.61978277007377858</v>
      </c>
      <c r="V31" s="98">
        <v>4.9766648455672247E-2</v>
      </c>
    </row>
    <row r="32" spans="1:22">
      <c r="A32" s="49" t="s">
        <v>454</v>
      </c>
      <c r="B32" s="209">
        <v>718</v>
      </c>
      <c r="C32" s="212">
        <v>0.13006763433651766</v>
      </c>
      <c r="D32" s="101">
        <v>2.4700035866351562E-2</v>
      </c>
      <c r="E32" s="212">
        <v>0.18169650517406932</v>
      </c>
      <c r="F32" s="101">
        <v>2.8232339129241415E-2</v>
      </c>
      <c r="G32" s="212">
        <v>0.68823586048941299</v>
      </c>
      <c r="H32" s="101">
        <v>3.3819335232594193E-2</v>
      </c>
      <c r="I32" s="209">
        <v>719</v>
      </c>
      <c r="J32" s="212">
        <v>0.28390625194479946</v>
      </c>
      <c r="K32" s="101">
        <v>3.2908569179826853E-2</v>
      </c>
      <c r="L32" s="212">
        <v>0.17055305546161154</v>
      </c>
      <c r="M32" s="101">
        <v>2.7532242281973349E-2</v>
      </c>
      <c r="N32" s="212">
        <v>0.54554069259358906</v>
      </c>
      <c r="O32" s="101">
        <v>3.6296775232229642E-2</v>
      </c>
      <c r="P32" s="209">
        <v>716</v>
      </c>
      <c r="Q32" s="212">
        <v>0.25991194619746399</v>
      </c>
      <c r="R32" s="101">
        <v>3.2089610548711157E-2</v>
      </c>
      <c r="S32" s="212">
        <v>0.15273159985719695</v>
      </c>
      <c r="T32" s="101">
        <v>2.6411649933956578E-2</v>
      </c>
      <c r="U32" s="212">
        <v>0.58735645394533909</v>
      </c>
      <c r="V32" s="101">
        <v>3.5966979466016832E-2</v>
      </c>
    </row>
    <row r="33" spans="1:22">
      <c r="A33" s="57" t="s">
        <v>455</v>
      </c>
      <c r="B33" s="207">
        <v>219</v>
      </c>
      <c r="C33" s="211">
        <v>0.23617529878877275</v>
      </c>
      <c r="D33" s="98">
        <v>5.6127564803612653E-2</v>
      </c>
      <c r="E33" s="211">
        <v>0.18819548722248788</v>
      </c>
      <c r="F33" s="98">
        <v>5.1879053484088333E-2</v>
      </c>
      <c r="G33" s="211">
        <v>0.57562921398873934</v>
      </c>
      <c r="H33" s="98">
        <v>6.4897577245461191E-2</v>
      </c>
      <c r="I33" s="207">
        <v>219</v>
      </c>
      <c r="J33" s="211">
        <v>0.34616343164660596</v>
      </c>
      <c r="K33" s="98">
        <v>6.2558246509757817E-2</v>
      </c>
      <c r="L33" s="211">
        <v>0.18522905137226983</v>
      </c>
      <c r="M33" s="98">
        <v>5.1580567981861836E-2</v>
      </c>
      <c r="N33" s="211">
        <v>0.46860751698112424</v>
      </c>
      <c r="O33" s="98">
        <v>6.5500787197320304E-2</v>
      </c>
      <c r="P33" s="207">
        <v>219</v>
      </c>
      <c r="Q33" s="211">
        <v>0.46005220410311265</v>
      </c>
      <c r="R33" s="98">
        <v>6.5423334452341553E-2</v>
      </c>
      <c r="S33" s="211">
        <v>0.13008442478343069</v>
      </c>
      <c r="T33" s="98">
        <v>4.5091541153993685E-2</v>
      </c>
      <c r="U33" s="211">
        <v>0.40986337111345666</v>
      </c>
      <c r="V33" s="98">
        <v>6.4589012668783058E-2</v>
      </c>
    </row>
    <row r="34" spans="1:22">
      <c r="A34" s="49" t="s">
        <v>456</v>
      </c>
      <c r="B34" s="209">
        <v>677</v>
      </c>
      <c r="C34" s="212">
        <v>0.15592134523240556</v>
      </c>
      <c r="D34" s="101">
        <v>2.7390675514073339E-2</v>
      </c>
      <c r="E34" s="212">
        <v>0.18438113241728751</v>
      </c>
      <c r="F34" s="101">
        <v>2.9239009707918141E-2</v>
      </c>
      <c r="G34" s="212">
        <v>0.65969752235030688</v>
      </c>
      <c r="H34" s="101">
        <v>3.5610350182437668E-2</v>
      </c>
      <c r="I34" s="209">
        <v>678</v>
      </c>
      <c r="J34" s="212">
        <v>0.28718449024185994</v>
      </c>
      <c r="K34" s="101">
        <v>3.400118956343174E-2</v>
      </c>
      <c r="L34" s="212">
        <v>0.17941405300824967</v>
      </c>
      <c r="M34" s="101">
        <v>2.8914779643835733E-2</v>
      </c>
      <c r="N34" s="212">
        <v>0.53340145674989037</v>
      </c>
      <c r="O34" s="101">
        <v>3.7443294722664659E-2</v>
      </c>
      <c r="P34" s="209">
        <v>678</v>
      </c>
      <c r="Q34" s="212">
        <v>0.32721399746899449</v>
      </c>
      <c r="R34" s="101">
        <v>3.5242154035305631E-2</v>
      </c>
      <c r="S34" s="212">
        <v>0.15706989897445461</v>
      </c>
      <c r="T34" s="101">
        <v>2.7450506703415135E-2</v>
      </c>
      <c r="U34" s="212">
        <v>0.51571610355655084</v>
      </c>
      <c r="V34" s="101">
        <v>3.750781420411646E-2</v>
      </c>
    </row>
    <row r="35" spans="1:22">
      <c r="A35" s="57" t="s">
        <v>457</v>
      </c>
      <c r="B35" s="207">
        <v>211</v>
      </c>
      <c r="C35" s="211">
        <v>0.13755142579440879</v>
      </c>
      <c r="D35" s="98">
        <v>4.6970381320702123E-2</v>
      </c>
      <c r="E35" s="211">
        <v>0.18308070224553322</v>
      </c>
      <c r="F35" s="98">
        <v>5.2330850355688005E-2</v>
      </c>
      <c r="G35" s="211">
        <v>0.67936787196005799</v>
      </c>
      <c r="H35" s="98">
        <v>6.2556428556649599E-2</v>
      </c>
      <c r="I35" s="207">
        <v>212</v>
      </c>
      <c r="J35" s="211">
        <v>0.15168904280837303</v>
      </c>
      <c r="K35" s="98">
        <v>4.8659670004136284E-2</v>
      </c>
      <c r="L35" s="211">
        <v>0.16907881934976265</v>
      </c>
      <c r="M35" s="98">
        <v>5.0696432051942485E-2</v>
      </c>
      <c r="N35" s="211">
        <v>0.67923213784186431</v>
      </c>
      <c r="O35" s="98">
        <v>6.2417359505232778E-2</v>
      </c>
      <c r="P35" s="207">
        <v>212</v>
      </c>
      <c r="Q35" s="211">
        <v>0.26251193324688127</v>
      </c>
      <c r="R35" s="98">
        <v>5.8991602501440463E-2</v>
      </c>
      <c r="S35" s="211">
        <v>0.19130694668897924</v>
      </c>
      <c r="T35" s="98">
        <v>5.3044409072822783E-2</v>
      </c>
      <c r="U35" s="211">
        <v>0.54618112006413944</v>
      </c>
      <c r="V35" s="98">
        <v>6.6406006710674551E-2</v>
      </c>
    </row>
    <row r="36" spans="1:22">
      <c r="A36" s="49" t="s">
        <v>458</v>
      </c>
      <c r="B36" s="209">
        <v>301</v>
      </c>
      <c r="C36" s="212">
        <v>0.15610405793702289</v>
      </c>
      <c r="D36" s="101">
        <v>4.1207749404001542E-2</v>
      </c>
      <c r="E36" s="212">
        <v>0.13874171243166236</v>
      </c>
      <c r="F36" s="101">
        <v>3.9343228274202752E-2</v>
      </c>
      <c r="G36" s="212">
        <v>0.70515422963131469</v>
      </c>
      <c r="H36" s="101">
        <v>5.1308353893182231E-2</v>
      </c>
      <c r="I36" s="209">
        <v>302</v>
      </c>
      <c r="J36" s="212">
        <v>0.20483657281043924</v>
      </c>
      <c r="K36" s="101">
        <v>4.5532686229759395E-2</v>
      </c>
      <c r="L36" s="212">
        <v>0.11483288806499592</v>
      </c>
      <c r="M36" s="101">
        <v>3.6393221924840832E-2</v>
      </c>
      <c r="N36" s="212">
        <v>0.68033053912456487</v>
      </c>
      <c r="O36" s="101">
        <v>5.2353726801079081E-2</v>
      </c>
      <c r="P36" s="209">
        <v>302</v>
      </c>
      <c r="Q36" s="212">
        <v>0.33753811318847693</v>
      </c>
      <c r="R36" s="101">
        <v>5.3064236716401064E-2</v>
      </c>
      <c r="S36" s="212">
        <v>0.13774537375271503</v>
      </c>
      <c r="T36" s="101">
        <v>3.9164750652686563E-2</v>
      </c>
      <c r="U36" s="212">
        <v>0.52471651305880807</v>
      </c>
      <c r="V36" s="101">
        <v>5.595615983985771E-2</v>
      </c>
    </row>
    <row r="37" spans="1:22">
      <c r="A37" s="57" t="s">
        <v>459</v>
      </c>
      <c r="B37" s="207">
        <v>464</v>
      </c>
      <c r="C37" s="211">
        <v>0.14186928221521203</v>
      </c>
      <c r="D37" s="98">
        <v>3.1894324612303501E-2</v>
      </c>
      <c r="E37" s="211">
        <v>0.17972616872090558</v>
      </c>
      <c r="F37" s="98">
        <v>3.4992483710766617E-2</v>
      </c>
      <c r="G37" s="211">
        <v>0.67840454906388237</v>
      </c>
      <c r="H37" s="98">
        <v>4.237122332025698E-2</v>
      </c>
      <c r="I37" s="207">
        <v>463</v>
      </c>
      <c r="J37" s="211">
        <v>0.26176325338495032</v>
      </c>
      <c r="K37" s="98">
        <v>3.9970074118855448E-2</v>
      </c>
      <c r="L37" s="211">
        <v>0.17176286637154911</v>
      </c>
      <c r="M37" s="98">
        <v>3.4429189418717893E-2</v>
      </c>
      <c r="N37" s="211">
        <v>0.56647388024350065</v>
      </c>
      <c r="O37" s="98">
        <v>4.4953327618923768E-2</v>
      </c>
      <c r="P37" s="207">
        <v>463</v>
      </c>
      <c r="Q37" s="211">
        <v>0.28246881259170109</v>
      </c>
      <c r="R37" s="98">
        <v>4.0913470140645024E-2</v>
      </c>
      <c r="S37" s="211">
        <v>0.1556743509625817</v>
      </c>
      <c r="T37" s="98">
        <v>3.3134216304532865E-2</v>
      </c>
      <c r="U37" s="211">
        <v>0.56185683644571727</v>
      </c>
      <c r="V37" s="98">
        <v>4.5006583684474293E-2</v>
      </c>
    </row>
    <row r="38" spans="1:22">
      <c r="A38" s="49" t="s">
        <v>460</v>
      </c>
      <c r="B38" s="209">
        <v>166</v>
      </c>
      <c r="C38" s="212">
        <v>0.24725249680627689</v>
      </c>
      <c r="D38" s="101">
        <v>6.5368020063540325E-2</v>
      </c>
      <c r="E38" s="212">
        <v>0.16399807325029933</v>
      </c>
      <c r="F38" s="101">
        <v>5.671722136851539E-2</v>
      </c>
      <c r="G38" s="212">
        <v>0.58874942994342383</v>
      </c>
      <c r="H38" s="101">
        <v>7.4024993799866295E-2</v>
      </c>
      <c r="I38" s="209">
        <v>167</v>
      </c>
      <c r="J38" s="212">
        <v>0.23758299705804267</v>
      </c>
      <c r="K38" s="101">
        <v>6.4349586114990198E-2</v>
      </c>
      <c r="L38" s="212">
        <v>0.11974352542750533</v>
      </c>
      <c r="M38" s="101">
        <v>5.0181375258509846E-2</v>
      </c>
      <c r="N38" s="212">
        <v>0.64267347751445203</v>
      </c>
      <c r="O38" s="101">
        <v>7.1973723446519713E-2</v>
      </c>
      <c r="P38" s="209">
        <v>166</v>
      </c>
      <c r="Q38" s="212">
        <v>0.25445860745355953</v>
      </c>
      <c r="R38" s="101">
        <v>6.595715624773256E-2</v>
      </c>
      <c r="S38" s="212">
        <v>0.12152180458347808</v>
      </c>
      <c r="T38" s="101">
        <v>5.0625419218983392E-2</v>
      </c>
      <c r="U38" s="212">
        <v>0.62401958796296242</v>
      </c>
      <c r="V38" s="101">
        <v>7.2924648951579213E-2</v>
      </c>
    </row>
    <row r="41" spans="1:22" ht="18.75">
      <c r="A41" s="331" t="s">
        <v>55</v>
      </c>
      <c r="B41" s="331"/>
      <c r="C41" s="331"/>
      <c r="D41" s="331"/>
    </row>
    <row r="42" spans="1:22" ht="156.75" customHeight="1">
      <c r="A42" s="352" t="s">
        <v>393</v>
      </c>
      <c r="B42" s="352"/>
      <c r="C42" s="352"/>
      <c r="D42" s="352"/>
    </row>
    <row r="43" spans="1:22" ht="39" customHeight="1">
      <c r="A43" s="333" t="s">
        <v>231</v>
      </c>
      <c r="B43" s="333"/>
      <c r="C43" s="333"/>
      <c r="D43" s="333"/>
    </row>
    <row r="44" spans="1:22" ht="39" customHeight="1">
      <c r="A44" s="37" t="s">
        <v>114</v>
      </c>
      <c r="B44" s="38" t="s">
        <v>115</v>
      </c>
      <c r="C44" s="39" t="s">
        <v>116</v>
      </c>
      <c r="D44" s="40" t="s">
        <v>117</v>
      </c>
    </row>
    <row r="45" spans="1:22" ht="72">
      <c r="A45" s="41"/>
      <c r="B45" s="42" t="s">
        <v>118</v>
      </c>
      <c r="C45" s="136" t="s">
        <v>232</v>
      </c>
      <c r="D45" s="44" t="s">
        <v>120</v>
      </c>
    </row>
    <row r="46" spans="1:22">
      <c r="A46" s="45" t="s">
        <v>449</v>
      </c>
      <c r="B46" s="213">
        <v>12498</v>
      </c>
      <c r="C46" s="214">
        <v>3.7895969261077846</v>
      </c>
      <c r="D46" s="215">
        <v>3.8758168883633815E-2</v>
      </c>
    </row>
    <row r="47" spans="1:22">
      <c r="A47" s="49" t="s">
        <v>450</v>
      </c>
      <c r="B47" s="216">
        <v>3469</v>
      </c>
      <c r="C47" s="217">
        <v>3.7857863540138474</v>
      </c>
      <c r="D47" s="218">
        <v>7.3142705487709403E-2</v>
      </c>
    </row>
    <row r="48" spans="1:22">
      <c r="A48" s="53" t="s">
        <v>451</v>
      </c>
      <c r="B48" s="83">
        <v>283</v>
      </c>
      <c r="C48" s="84">
        <v>3.6740382533669464</v>
      </c>
      <c r="D48" s="85">
        <v>0.23969986190838322</v>
      </c>
    </row>
    <row r="49" spans="1:29">
      <c r="A49" s="49" t="s">
        <v>452</v>
      </c>
      <c r="B49" s="216">
        <v>180</v>
      </c>
      <c r="C49" s="217">
        <v>3.5514586167268263</v>
      </c>
      <c r="D49" s="218">
        <v>0.26434564313948794</v>
      </c>
    </row>
    <row r="50" spans="1:29">
      <c r="A50" s="57" t="s">
        <v>453</v>
      </c>
      <c r="B50" s="213">
        <v>361</v>
      </c>
      <c r="C50" s="214">
        <v>3.81861889557756</v>
      </c>
      <c r="D50" s="215">
        <v>0.23295236967257171</v>
      </c>
    </row>
    <row r="51" spans="1:29">
      <c r="A51" s="49" t="s">
        <v>454</v>
      </c>
      <c r="B51" s="216">
        <v>720</v>
      </c>
      <c r="C51" s="217">
        <v>3.9637862162824695</v>
      </c>
      <c r="D51" s="218">
        <v>0.15794897108312567</v>
      </c>
    </row>
    <row r="52" spans="1:29">
      <c r="A52" s="57" t="s">
        <v>455</v>
      </c>
      <c r="B52" s="213">
        <v>219</v>
      </c>
      <c r="C52" s="214">
        <v>3.586944313035795</v>
      </c>
      <c r="D52" s="215">
        <v>0.32935700698666182</v>
      </c>
    </row>
    <row r="53" spans="1:29">
      <c r="A53" s="49" t="s">
        <v>456</v>
      </c>
      <c r="B53" s="216">
        <v>678</v>
      </c>
      <c r="C53" s="217">
        <v>3.7835639040754767</v>
      </c>
      <c r="D53" s="218">
        <v>0.15384195313611304</v>
      </c>
    </row>
    <row r="54" spans="1:29">
      <c r="A54" s="57" t="s">
        <v>457</v>
      </c>
      <c r="B54" s="213">
        <v>213</v>
      </c>
      <c r="C54" s="214">
        <v>4.1532845813472186</v>
      </c>
      <c r="D54" s="215">
        <v>0.37626539115095081</v>
      </c>
    </row>
    <row r="55" spans="1:29">
      <c r="A55" s="49" t="s">
        <v>458</v>
      </c>
      <c r="B55" s="216">
        <v>303</v>
      </c>
      <c r="C55" s="217">
        <v>3.5555835889507903</v>
      </c>
      <c r="D55" s="218">
        <v>0.28559756353924337</v>
      </c>
    </row>
    <row r="56" spans="1:29">
      <c r="A56" s="57" t="s">
        <v>459</v>
      </c>
      <c r="B56" s="213">
        <v>462</v>
      </c>
      <c r="C56" s="214">
        <v>3.7458295557430015</v>
      </c>
      <c r="D56" s="215">
        <v>0.1877524063525291</v>
      </c>
    </row>
    <row r="57" spans="1:29">
      <c r="A57" s="49" t="s">
        <v>460</v>
      </c>
      <c r="B57" s="216">
        <v>166</v>
      </c>
      <c r="C57" s="217">
        <v>4.1352772835040383</v>
      </c>
      <c r="D57" s="218">
        <v>0.22290130620117354</v>
      </c>
    </row>
    <row r="60" spans="1:29" ht="18.75">
      <c r="A60" s="331" t="s">
        <v>56</v>
      </c>
      <c r="B60" s="331"/>
      <c r="C60" s="331"/>
      <c r="D60" s="331"/>
      <c r="E60" s="331"/>
      <c r="F60" s="331"/>
      <c r="G60" s="331"/>
      <c r="H60" s="331"/>
      <c r="I60" s="331"/>
      <c r="J60" s="331"/>
      <c r="K60" s="331"/>
      <c r="L60" s="331"/>
      <c r="M60" s="331"/>
      <c r="N60" s="331"/>
      <c r="O60" s="331"/>
      <c r="P60" s="331"/>
      <c r="Q60" s="331"/>
      <c r="R60" s="331"/>
      <c r="S60" s="331"/>
      <c r="T60" s="331"/>
      <c r="U60" s="331"/>
      <c r="V60" s="331"/>
      <c r="W60" s="331"/>
      <c r="X60" s="331"/>
      <c r="Y60" s="331"/>
      <c r="Z60" s="331"/>
      <c r="AA60" s="331"/>
      <c r="AB60" s="331"/>
      <c r="AC60" s="331"/>
    </row>
    <row r="61" spans="1:29" ht="65.25" customHeight="1">
      <c r="A61" s="363" t="s">
        <v>394</v>
      </c>
      <c r="B61" s="363"/>
      <c r="C61" s="363"/>
      <c r="D61" s="363"/>
      <c r="E61" s="363"/>
      <c r="F61" s="363"/>
      <c r="G61" s="363"/>
      <c r="H61" s="363"/>
      <c r="I61" s="363"/>
      <c r="J61" s="363"/>
      <c r="K61" s="363"/>
      <c r="L61" s="363"/>
      <c r="M61" s="363"/>
      <c r="N61" s="363"/>
      <c r="O61" s="363"/>
      <c r="P61" s="363"/>
      <c r="Q61" s="363"/>
      <c r="R61" s="363"/>
      <c r="S61" s="363"/>
      <c r="T61" s="363"/>
      <c r="U61" s="363"/>
      <c r="V61" s="363"/>
      <c r="W61" s="363"/>
      <c r="X61" s="363"/>
      <c r="Y61" s="363"/>
      <c r="Z61" s="363"/>
      <c r="AA61" s="363"/>
      <c r="AB61" s="363"/>
      <c r="AC61" s="363"/>
    </row>
    <row r="62" spans="1:29" ht="38.25" customHeight="1">
      <c r="A62" s="64"/>
      <c r="B62" s="351" t="s">
        <v>395</v>
      </c>
      <c r="C62" s="351"/>
      <c r="D62" s="351"/>
      <c r="E62" s="351"/>
      <c r="F62" s="351"/>
      <c r="G62" s="351"/>
      <c r="H62" s="351"/>
      <c r="I62" s="351" t="s">
        <v>396</v>
      </c>
      <c r="J62" s="351"/>
      <c r="K62" s="351"/>
      <c r="L62" s="351"/>
      <c r="M62" s="351"/>
      <c r="N62" s="351"/>
      <c r="O62" s="351"/>
      <c r="P62" s="351" t="s">
        <v>397</v>
      </c>
      <c r="Q62" s="351"/>
      <c r="R62" s="351"/>
      <c r="S62" s="351"/>
      <c r="T62" s="351"/>
      <c r="U62" s="351"/>
      <c r="V62" s="351"/>
      <c r="W62" s="351" t="s">
        <v>398</v>
      </c>
      <c r="X62" s="351"/>
      <c r="Y62" s="351"/>
      <c r="Z62" s="351"/>
      <c r="AA62" s="351"/>
      <c r="AB62" s="351"/>
      <c r="AC62" s="351"/>
    </row>
    <row r="63" spans="1:29" ht="72">
      <c r="A63" s="37" t="s">
        <v>114</v>
      </c>
      <c r="B63" s="38" t="s">
        <v>115</v>
      </c>
      <c r="C63" s="38" t="s">
        <v>335</v>
      </c>
      <c r="D63" s="93" t="s">
        <v>233</v>
      </c>
      <c r="E63" s="38" t="s">
        <v>336</v>
      </c>
      <c r="F63" s="93" t="s">
        <v>234</v>
      </c>
      <c r="G63" s="38" t="s">
        <v>337</v>
      </c>
      <c r="H63" s="93" t="s">
        <v>235</v>
      </c>
      <c r="I63" s="65" t="s">
        <v>115</v>
      </c>
      <c r="J63" s="65" t="s">
        <v>335</v>
      </c>
      <c r="K63" s="92" t="s">
        <v>233</v>
      </c>
      <c r="L63" s="65" t="s">
        <v>336</v>
      </c>
      <c r="M63" s="92" t="s">
        <v>234</v>
      </c>
      <c r="N63" s="65" t="s">
        <v>337</v>
      </c>
      <c r="O63" s="92" t="s">
        <v>235</v>
      </c>
      <c r="P63" s="38" t="s">
        <v>115</v>
      </c>
      <c r="Q63" s="38" t="s">
        <v>335</v>
      </c>
      <c r="R63" s="93" t="s">
        <v>233</v>
      </c>
      <c r="S63" s="38" t="s">
        <v>336</v>
      </c>
      <c r="T63" s="93" t="s">
        <v>234</v>
      </c>
      <c r="U63" s="38" t="s">
        <v>337</v>
      </c>
      <c r="V63" s="93" t="s">
        <v>235</v>
      </c>
      <c r="W63" s="65" t="s">
        <v>115</v>
      </c>
      <c r="X63" s="65" t="s">
        <v>335</v>
      </c>
      <c r="Y63" s="92" t="s">
        <v>233</v>
      </c>
      <c r="Z63" s="65" t="s">
        <v>336</v>
      </c>
      <c r="AA63" s="92" t="s">
        <v>234</v>
      </c>
      <c r="AB63" s="65" t="s">
        <v>337</v>
      </c>
      <c r="AC63" s="92" t="s">
        <v>235</v>
      </c>
    </row>
    <row r="64" spans="1:29" ht="72">
      <c r="A64" s="41"/>
      <c r="B64" s="42" t="s">
        <v>118</v>
      </c>
      <c r="C64" s="42" t="s">
        <v>303</v>
      </c>
      <c r="D64" s="95" t="s">
        <v>148</v>
      </c>
      <c r="E64" s="42" t="s">
        <v>304</v>
      </c>
      <c r="F64" s="95" t="s">
        <v>148</v>
      </c>
      <c r="G64" s="42" t="s">
        <v>305</v>
      </c>
      <c r="H64" s="95" t="s">
        <v>148</v>
      </c>
      <c r="I64" s="68" t="s">
        <v>118</v>
      </c>
      <c r="J64" s="68" t="s">
        <v>303</v>
      </c>
      <c r="K64" s="94" t="s">
        <v>148</v>
      </c>
      <c r="L64" s="68" t="s">
        <v>304</v>
      </c>
      <c r="M64" s="94" t="s">
        <v>148</v>
      </c>
      <c r="N64" s="68" t="s">
        <v>305</v>
      </c>
      <c r="O64" s="94" t="s">
        <v>148</v>
      </c>
      <c r="P64" s="42" t="s">
        <v>118</v>
      </c>
      <c r="Q64" s="42" t="s">
        <v>303</v>
      </c>
      <c r="R64" s="95" t="s">
        <v>148</v>
      </c>
      <c r="S64" s="42" t="s">
        <v>304</v>
      </c>
      <c r="T64" s="95" t="s">
        <v>148</v>
      </c>
      <c r="U64" s="42" t="s">
        <v>305</v>
      </c>
      <c r="V64" s="95" t="s">
        <v>148</v>
      </c>
      <c r="W64" s="68" t="s">
        <v>118</v>
      </c>
      <c r="X64" s="68" t="s">
        <v>303</v>
      </c>
      <c r="Y64" s="94" t="s">
        <v>148</v>
      </c>
      <c r="Z64" s="68" t="s">
        <v>304</v>
      </c>
      <c r="AA64" s="94" t="s">
        <v>148</v>
      </c>
      <c r="AB64" s="68" t="s">
        <v>305</v>
      </c>
      <c r="AC64" s="94" t="s">
        <v>148</v>
      </c>
    </row>
    <row r="65" spans="1:29">
      <c r="A65" s="45" t="s">
        <v>449</v>
      </c>
      <c r="B65" s="213">
        <v>12853</v>
      </c>
      <c r="C65" s="219">
        <v>0.36685062133393742</v>
      </c>
      <c r="D65" s="98">
        <v>8.3309452934555699E-3</v>
      </c>
      <c r="E65" s="219">
        <v>0.16657368878837936</v>
      </c>
      <c r="F65" s="98">
        <v>6.4421556203094884E-3</v>
      </c>
      <c r="G65" s="219">
        <v>0.46657568987768322</v>
      </c>
      <c r="H65" s="98">
        <v>8.6235147663923477E-3</v>
      </c>
      <c r="I65" s="213">
        <v>12871</v>
      </c>
      <c r="J65" s="219">
        <v>0.21628313968395768</v>
      </c>
      <c r="K65" s="98">
        <v>7.1127482149028866E-3</v>
      </c>
      <c r="L65" s="219">
        <v>0.14460879696740384</v>
      </c>
      <c r="M65" s="98">
        <v>6.0771492528029171E-3</v>
      </c>
      <c r="N65" s="219">
        <v>0.63910806334863846</v>
      </c>
      <c r="O65" s="98">
        <v>8.2960146133620061E-3</v>
      </c>
      <c r="P65" s="213">
        <v>12870</v>
      </c>
      <c r="Q65" s="219">
        <v>0.57649452102634169</v>
      </c>
      <c r="R65" s="98">
        <v>8.5355136481679861E-3</v>
      </c>
      <c r="S65" s="219">
        <v>9.4577967445023087E-2</v>
      </c>
      <c r="T65" s="98">
        <v>5.057997899606515E-3</v>
      </c>
      <c r="U65" s="219">
        <v>0.32892751152863525</v>
      </c>
      <c r="V65" s="98">
        <v>8.11618659223611E-3</v>
      </c>
      <c r="W65" s="213">
        <v>12809</v>
      </c>
      <c r="X65" s="219">
        <v>0.62314731330448947</v>
      </c>
      <c r="Y65" s="98">
        <v>8.3911325917231244E-3</v>
      </c>
      <c r="Z65" s="219">
        <v>8.0985929483572916E-2</v>
      </c>
      <c r="AA65" s="98">
        <v>4.7273316186473586E-3</v>
      </c>
      <c r="AB65" s="219">
        <v>0.29586675721193767</v>
      </c>
      <c r="AC65" s="98">
        <v>7.903751570617977E-3</v>
      </c>
    </row>
    <row r="66" spans="1:29">
      <c r="A66" s="49" t="s">
        <v>450</v>
      </c>
      <c r="B66" s="216">
        <v>3580</v>
      </c>
      <c r="C66" s="220">
        <v>0.38468969517560958</v>
      </c>
      <c r="D66" s="101">
        <v>1.5929481948916212E-2</v>
      </c>
      <c r="E66" s="220">
        <v>0.16265786946037192</v>
      </c>
      <c r="F66" s="101">
        <v>1.2093874703893857E-2</v>
      </c>
      <c r="G66" s="220">
        <v>0.45265243536401856</v>
      </c>
      <c r="H66" s="101">
        <v>1.6296355113981031E-2</v>
      </c>
      <c r="I66" s="216">
        <v>3590</v>
      </c>
      <c r="J66" s="220">
        <v>0.19955747290089315</v>
      </c>
      <c r="K66" s="101">
        <v>1.3074916681176116E-2</v>
      </c>
      <c r="L66" s="220">
        <v>0.14670775726363863</v>
      </c>
      <c r="M66" s="101">
        <v>1.1580401067272046E-2</v>
      </c>
      <c r="N66" s="220">
        <v>0.6537347698354683</v>
      </c>
      <c r="O66" s="101">
        <v>1.555688715604087E-2</v>
      </c>
      <c r="P66" s="216">
        <v>3580</v>
      </c>
      <c r="Q66" s="220">
        <v>0.56325041711692236</v>
      </c>
      <c r="R66" s="101">
        <v>1.6238539249436912E-2</v>
      </c>
      <c r="S66" s="220">
        <v>0.1040260891131873</v>
      </c>
      <c r="T66" s="101">
        <v>1.0013924441623032E-2</v>
      </c>
      <c r="U66" s="220">
        <v>0.33272349376989035</v>
      </c>
      <c r="V66" s="101">
        <v>1.5428644321925526E-2</v>
      </c>
      <c r="W66" s="216">
        <v>3558</v>
      </c>
      <c r="X66" s="220">
        <v>0.62609959620335909</v>
      </c>
      <c r="Y66" s="101">
        <v>1.5890658639770794E-2</v>
      </c>
      <c r="Z66" s="220">
        <v>7.1205475062550122E-2</v>
      </c>
      <c r="AA66" s="101">
        <v>8.4718161467976557E-3</v>
      </c>
      <c r="AB66" s="220">
        <v>0.30269492873409087</v>
      </c>
      <c r="AC66" s="101">
        <v>1.5090824850187458E-2</v>
      </c>
    </row>
    <row r="67" spans="1:29">
      <c r="A67" s="53" t="s">
        <v>451</v>
      </c>
      <c r="B67" s="54">
        <v>282</v>
      </c>
      <c r="C67" s="190">
        <v>0.43560454680576444</v>
      </c>
      <c r="D67" s="98">
        <v>5.7479465374303707E-2</v>
      </c>
      <c r="E67" s="190">
        <v>0.10498955334472247</v>
      </c>
      <c r="F67" s="98">
        <v>3.6337208720500176E-2</v>
      </c>
      <c r="G67" s="190">
        <v>0.45940589984951313</v>
      </c>
      <c r="H67" s="98">
        <v>5.7762636406581351E-2</v>
      </c>
      <c r="I67" s="54">
        <v>284</v>
      </c>
      <c r="J67" s="190">
        <v>0.2388182052772691</v>
      </c>
      <c r="K67" s="98">
        <v>4.9496441020301624E-2</v>
      </c>
      <c r="L67" s="190">
        <v>0.14420183173596082</v>
      </c>
      <c r="M67" s="98">
        <v>4.1142447230511907E-2</v>
      </c>
      <c r="N67" s="190">
        <v>0.61697996298677005</v>
      </c>
      <c r="O67" s="98">
        <v>5.6189179321646805E-2</v>
      </c>
      <c r="P67" s="54">
        <v>280</v>
      </c>
      <c r="Q67" s="190">
        <v>0.59673323043672977</v>
      </c>
      <c r="R67" s="98">
        <v>5.7084641576540973E-2</v>
      </c>
      <c r="S67" s="190">
        <v>0.16042090543291623</v>
      </c>
      <c r="T67" s="98">
        <v>4.3191377390462381E-2</v>
      </c>
      <c r="U67" s="190">
        <v>0.24284586413035406</v>
      </c>
      <c r="V67" s="98">
        <v>5.012194038724585E-2</v>
      </c>
      <c r="W67" s="54">
        <v>280</v>
      </c>
      <c r="X67" s="190">
        <v>0.62285800511880496</v>
      </c>
      <c r="Y67" s="98">
        <v>5.6420092951475105E-2</v>
      </c>
      <c r="Z67" s="190">
        <v>6.4069079480586641E-2</v>
      </c>
      <c r="AA67" s="98">
        <v>2.9715690451338404E-2</v>
      </c>
      <c r="AB67" s="190">
        <v>0.31307291540060839</v>
      </c>
      <c r="AC67" s="98">
        <v>5.4057949825313409E-2</v>
      </c>
    </row>
    <row r="68" spans="1:29">
      <c r="A68" s="49" t="s">
        <v>452</v>
      </c>
      <c r="B68" s="216">
        <v>179</v>
      </c>
      <c r="C68" s="220">
        <v>0.46838973688812635</v>
      </c>
      <c r="D68" s="101">
        <v>7.2305038850351416E-2</v>
      </c>
      <c r="E68" s="220">
        <v>0.15781468124879477</v>
      </c>
      <c r="F68" s="101">
        <v>5.3817805922937959E-2</v>
      </c>
      <c r="G68" s="220">
        <v>0.37379558186307887</v>
      </c>
      <c r="H68" s="101">
        <v>7.0201051055872099E-2</v>
      </c>
      <c r="I68" s="216">
        <v>179</v>
      </c>
      <c r="J68" s="220">
        <v>0.16843567905502879</v>
      </c>
      <c r="K68" s="101">
        <v>5.5136921119446652E-2</v>
      </c>
      <c r="L68" s="220">
        <v>0.1378144671043004</v>
      </c>
      <c r="M68" s="101">
        <v>5.1121540758071744E-2</v>
      </c>
      <c r="N68" s="220">
        <v>0.69374985384067078</v>
      </c>
      <c r="O68" s="101">
        <v>6.7038261305167809E-2</v>
      </c>
      <c r="P68" s="216">
        <v>178</v>
      </c>
      <c r="Q68" s="220">
        <v>0.63704562707746615</v>
      </c>
      <c r="R68" s="101">
        <v>6.9983734252188803E-2</v>
      </c>
      <c r="S68" s="220">
        <v>7.8323407061167291E-2</v>
      </c>
      <c r="T68" s="101">
        <v>4.1071915212740596E-2</v>
      </c>
      <c r="U68" s="220">
        <v>0.28463096586136655</v>
      </c>
      <c r="V68" s="101">
        <v>6.5881940959141835E-2</v>
      </c>
      <c r="W68" s="216">
        <v>179</v>
      </c>
      <c r="X68" s="220">
        <v>0.7146398696859555</v>
      </c>
      <c r="Y68" s="101">
        <v>6.5747856906104657E-2</v>
      </c>
      <c r="Z68" s="220">
        <v>4.0354248625769168E-2</v>
      </c>
      <c r="AA68" s="101">
        <v>3.1697195656085093E-2</v>
      </c>
      <c r="AB68" s="220">
        <v>0.24500588168827533</v>
      </c>
      <c r="AC68" s="101">
        <v>6.2786473899860376E-2</v>
      </c>
    </row>
    <row r="69" spans="1:29">
      <c r="A69" s="57" t="s">
        <v>453</v>
      </c>
      <c r="B69" s="213">
        <v>360</v>
      </c>
      <c r="C69" s="219">
        <v>0.32384638927201959</v>
      </c>
      <c r="D69" s="98">
        <v>4.8146990149848121E-2</v>
      </c>
      <c r="E69" s="219">
        <v>0.22594120598081086</v>
      </c>
      <c r="F69" s="98">
        <v>4.3163720204315657E-2</v>
      </c>
      <c r="G69" s="219">
        <v>0.45021240474716956</v>
      </c>
      <c r="H69" s="98">
        <v>5.1116263770164316E-2</v>
      </c>
      <c r="I69" s="213">
        <v>359</v>
      </c>
      <c r="J69" s="219">
        <v>0.22276379353819853</v>
      </c>
      <c r="K69" s="98">
        <v>4.3013429894513615E-2</v>
      </c>
      <c r="L69" s="219">
        <v>0.13698083682779283</v>
      </c>
      <c r="M69" s="98">
        <v>3.5800121361523676E-2</v>
      </c>
      <c r="N69" s="219">
        <v>0.64025536963400864</v>
      </c>
      <c r="O69" s="98">
        <v>4.9417710955728611E-2</v>
      </c>
      <c r="P69" s="213">
        <v>360</v>
      </c>
      <c r="Q69" s="219">
        <v>0.60115009350824611</v>
      </c>
      <c r="R69" s="98">
        <v>5.0327345276682103E-2</v>
      </c>
      <c r="S69" s="219">
        <v>8.0347831527974478E-2</v>
      </c>
      <c r="T69" s="98">
        <v>2.8643841738864421E-2</v>
      </c>
      <c r="U69" s="219">
        <v>0.31850207496377936</v>
      </c>
      <c r="V69" s="98">
        <v>4.7941640922490224E-2</v>
      </c>
      <c r="W69" s="213">
        <v>357</v>
      </c>
      <c r="X69" s="219">
        <v>0.60013611995672966</v>
      </c>
      <c r="Y69" s="98">
        <v>5.0557234485383726E-2</v>
      </c>
      <c r="Z69" s="219">
        <v>5.4490900395744654E-2</v>
      </c>
      <c r="AA69" s="98">
        <v>2.4388866586488686E-2</v>
      </c>
      <c r="AB69" s="219">
        <v>0.34537297964752567</v>
      </c>
      <c r="AC69" s="98">
        <v>4.9107643744177976E-2</v>
      </c>
    </row>
    <row r="70" spans="1:29">
      <c r="A70" s="49" t="s">
        <v>454</v>
      </c>
      <c r="B70" s="216">
        <v>717</v>
      </c>
      <c r="C70" s="220">
        <v>0.36446515023385029</v>
      </c>
      <c r="D70" s="101">
        <v>3.514605583278671E-2</v>
      </c>
      <c r="E70" s="220">
        <v>0.16870430313266874</v>
      </c>
      <c r="F70" s="101">
        <v>2.7453745302218655E-2</v>
      </c>
      <c r="G70" s="220">
        <v>0.466830546633481</v>
      </c>
      <c r="H70" s="101">
        <v>3.6417600069705562E-2</v>
      </c>
      <c r="I70" s="216">
        <v>720</v>
      </c>
      <c r="J70" s="220">
        <v>0.16738362489764935</v>
      </c>
      <c r="K70" s="101">
        <v>2.7312217516747811E-2</v>
      </c>
      <c r="L70" s="220">
        <v>0.15643817608227584</v>
      </c>
      <c r="M70" s="101">
        <v>2.6591714623930646E-2</v>
      </c>
      <c r="N70" s="220">
        <v>0.67617819902007481</v>
      </c>
      <c r="O70" s="101">
        <v>3.4112169146882164E-2</v>
      </c>
      <c r="P70" s="216">
        <v>716</v>
      </c>
      <c r="Q70" s="220">
        <v>0.52826966243872853</v>
      </c>
      <c r="R70" s="101">
        <v>3.6464669190580945E-2</v>
      </c>
      <c r="S70" s="220">
        <v>9.6785491397790496E-2</v>
      </c>
      <c r="T70" s="101">
        <v>2.1818241039524313E-2</v>
      </c>
      <c r="U70" s="220">
        <v>0.374944846163481</v>
      </c>
      <c r="V70" s="101">
        <v>3.5374733949486155E-2</v>
      </c>
      <c r="W70" s="216">
        <v>714</v>
      </c>
      <c r="X70" s="220">
        <v>0.57484538408072716</v>
      </c>
      <c r="Y70" s="101">
        <v>3.6165803444541546E-2</v>
      </c>
      <c r="Z70" s="220">
        <v>7.6675214707182235E-2</v>
      </c>
      <c r="AA70" s="101">
        <v>1.9734291968875266E-2</v>
      </c>
      <c r="AB70" s="220">
        <v>0.34847940121209064</v>
      </c>
      <c r="AC70" s="101">
        <v>3.4873081072565301E-2</v>
      </c>
    </row>
    <row r="71" spans="1:29">
      <c r="A71" s="57" t="s">
        <v>455</v>
      </c>
      <c r="B71" s="213">
        <v>218</v>
      </c>
      <c r="C71" s="219">
        <v>0.4750925653279961</v>
      </c>
      <c r="D71" s="98">
        <v>6.5694551733634754E-2</v>
      </c>
      <c r="E71" s="219">
        <v>0.15432039852766027</v>
      </c>
      <c r="F71" s="98">
        <v>4.8292635675999729E-2</v>
      </c>
      <c r="G71" s="219">
        <v>0.37058703614434363</v>
      </c>
      <c r="H71" s="98">
        <v>6.3613400808861936E-2</v>
      </c>
      <c r="I71" s="213">
        <v>220</v>
      </c>
      <c r="J71" s="219">
        <v>0.24101510472036394</v>
      </c>
      <c r="K71" s="98">
        <v>5.6372959348874999E-2</v>
      </c>
      <c r="L71" s="219">
        <v>0.1182694319580665</v>
      </c>
      <c r="M71" s="98">
        <v>4.3323064658690284E-2</v>
      </c>
      <c r="N71" s="219">
        <v>0.64071546332156959</v>
      </c>
      <c r="O71" s="98">
        <v>6.2928016780230467E-2</v>
      </c>
      <c r="P71" s="213">
        <v>219</v>
      </c>
      <c r="Q71" s="219">
        <v>0.58052196587403004</v>
      </c>
      <c r="R71" s="98">
        <v>6.4799706394167225E-2</v>
      </c>
      <c r="S71" s="219">
        <v>9.9906151271741281E-2</v>
      </c>
      <c r="T71" s="98">
        <v>4.0585318196907694E-2</v>
      </c>
      <c r="U71" s="219">
        <v>0.31957188285422855</v>
      </c>
      <c r="V71" s="98">
        <v>6.1366560996631007E-2</v>
      </c>
      <c r="W71" s="213">
        <v>216</v>
      </c>
      <c r="X71" s="219">
        <v>0.6651186798690254</v>
      </c>
      <c r="Y71" s="98">
        <v>6.2502216868259589E-2</v>
      </c>
      <c r="Z71" s="219">
        <v>3.2660090900822891E-2</v>
      </c>
      <c r="AA71" s="98">
        <v>2.62507216587229E-2</v>
      </c>
      <c r="AB71" s="219">
        <v>0.30222122923015171</v>
      </c>
      <c r="AC71" s="98">
        <v>6.0885322661721163E-2</v>
      </c>
    </row>
    <row r="72" spans="1:29">
      <c r="A72" s="49" t="s">
        <v>456</v>
      </c>
      <c r="B72" s="216">
        <v>675</v>
      </c>
      <c r="C72" s="220">
        <v>0.36696699810972394</v>
      </c>
      <c r="D72" s="101">
        <v>3.6269545739873447E-2</v>
      </c>
      <c r="E72" s="220">
        <v>0.11410966141988707</v>
      </c>
      <c r="F72" s="101">
        <v>2.4121144184025313E-2</v>
      </c>
      <c r="G72" s="220">
        <v>0.51892334047038902</v>
      </c>
      <c r="H72" s="101">
        <v>3.7582320265471203E-2</v>
      </c>
      <c r="I72" s="216">
        <v>676</v>
      </c>
      <c r="J72" s="220">
        <v>0.21331452763708436</v>
      </c>
      <c r="K72" s="101">
        <v>3.0878510486240403E-2</v>
      </c>
      <c r="L72" s="220">
        <v>0.17476552830942985</v>
      </c>
      <c r="M72" s="101">
        <v>2.8666743551622083E-2</v>
      </c>
      <c r="N72" s="220">
        <v>0.61191994405348582</v>
      </c>
      <c r="O72" s="101">
        <v>3.6639023898701592E-2</v>
      </c>
      <c r="P72" s="216">
        <v>677</v>
      </c>
      <c r="Q72" s="220">
        <v>0.54163746060424833</v>
      </c>
      <c r="R72" s="101">
        <v>3.7424773520832386E-2</v>
      </c>
      <c r="S72" s="220">
        <v>0.10920930986400323</v>
      </c>
      <c r="T72" s="101">
        <v>2.3640500930224118E-2</v>
      </c>
      <c r="U72" s="220">
        <v>0.34915322953174843</v>
      </c>
      <c r="V72" s="101">
        <v>3.5824856238831776E-2</v>
      </c>
      <c r="W72" s="216">
        <v>670</v>
      </c>
      <c r="X72" s="220">
        <v>0.62591782041659949</v>
      </c>
      <c r="Y72" s="101">
        <v>3.6546200745997293E-2</v>
      </c>
      <c r="Z72" s="220">
        <v>9.0003052666088004E-2</v>
      </c>
      <c r="AA72" s="101">
        <v>2.186683323303756E-2</v>
      </c>
      <c r="AB72" s="220">
        <v>0.28407912691731246</v>
      </c>
      <c r="AC72" s="101">
        <v>3.4093107360303999E-2</v>
      </c>
    </row>
    <row r="73" spans="1:29">
      <c r="A73" s="57" t="s">
        <v>457</v>
      </c>
      <c r="B73" s="213">
        <v>209</v>
      </c>
      <c r="C73" s="219">
        <v>0.33874152011103187</v>
      </c>
      <c r="D73" s="98">
        <v>6.3697447364299747E-2</v>
      </c>
      <c r="E73" s="219">
        <v>0.12631227644712534</v>
      </c>
      <c r="F73" s="98">
        <v>4.5651697859982902E-2</v>
      </c>
      <c r="G73" s="219">
        <v>0.53494620344184285</v>
      </c>
      <c r="H73" s="98">
        <v>6.6990401093751803E-2</v>
      </c>
      <c r="I73" s="213">
        <v>212</v>
      </c>
      <c r="J73" s="219">
        <v>0.17777172261009228</v>
      </c>
      <c r="K73" s="98">
        <v>5.1646906505241841E-2</v>
      </c>
      <c r="L73" s="219">
        <v>0.14388250981842146</v>
      </c>
      <c r="M73" s="98">
        <v>4.7681746989874256E-2</v>
      </c>
      <c r="N73" s="219">
        <v>0.67834576757148624</v>
      </c>
      <c r="O73" s="98">
        <v>6.2460842738596145E-2</v>
      </c>
      <c r="P73" s="213">
        <v>211</v>
      </c>
      <c r="Q73" s="219">
        <v>0.43284891087150273</v>
      </c>
      <c r="R73" s="98">
        <v>6.6252363420848531E-2</v>
      </c>
      <c r="S73" s="219">
        <v>0.12600869571580164</v>
      </c>
      <c r="T73" s="98">
        <v>4.5386442057636978E-2</v>
      </c>
      <c r="U73" s="219">
        <v>0.44114239341269562</v>
      </c>
      <c r="V73" s="98">
        <v>6.6387952146251997E-2</v>
      </c>
      <c r="W73" s="213">
        <v>210</v>
      </c>
      <c r="X73" s="219">
        <v>0.57500984191872129</v>
      </c>
      <c r="Y73" s="98">
        <v>6.6261511142205909E-2</v>
      </c>
      <c r="Z73" s="219">
        <v>7.8622443690592306E-2</v>
      </c>
      <c r="AA73" s="98">
        <v>3.7662441332478806E-2</v>
      </c>
      <c r="AB73" s="219">
        <v>0.34636771439068637</v>
      </c>
      <c r="AC73" s="98">
        <v>6.3873602500599341E-2</v>
      </c>
    </row>
    <row r="74" spans="1:29">
      <c r="A74" s="49" t="s">
        <v>458</v>
      </c>
      <c r="B74" s="216">
        <v>303</v>
      </c>
      <c r="C74" s="220">
        <v>0.38360157718914351</v>
      </c>
      <c r="D74" s="101">
        <v>5.4435186835890312E-2</v>
      </c>
      <c r="E74" s="220">
        <v>0.19415442149206327</v>
      </c>
      <c r="F74" s="101">
        <v>4.4588383350691124E-2</v>
      </c>
      <c r="G74" s="220">
        <v>0.42224400131879319</v>
      </c>
      <c r="H74" s="101">
        <v>5.5268813232718442E-2</v>
      </c>
      <c r="I74" s="216">
        <v>302</v>
      </c>
      <c r="J74" s="220">
        <v>0.21159570250498211</v>
      </c>
      <c r="K74" s="101">
        <v>4.6059292893007225E-2</v>
      </c>
      <c r="L74" s="220">
        <v>8.4775828445183415E-2</v>
      </c>
      <c r="M74" s="101">
        <v>3.2098104776483047E-2</v>
      </c>
      <c r="N74" s="220">
        <v>0.70362846904983445</v>
      </c>
      <c r="O74" s="101">
        <v>5.1298403044815685E-2</v>
      </c>
      <c r="P74" s="216">
        <v>302</v>
      </c>
      <c r="Q74" s="220">
        <v>0.64549964579296426</v>
      </c>
      <c r="R74" s="101">
        <v>5.3662740968413503E-2</v>
      </c>
      <c r="S74" s="220">
        <v>0.10261306394749738</v>
      </c>
      <c r="T74" s="101">
        <v>3.4749568879378114E-2</v>
      </c>
      <c r="U74" s="220">
        <v>0.25188729025953838</v>
      </c>
      <c r="V74" s="101">
        <v>4.8844615637360846E-2</v>
      </c>
      <c r="W74" s="216">
        <v>300</v>
      </c>
      <c r="X74" s="220">
        <v>0.71565157851273298</v>
      </c>
      <c r="Y74" s="101">
        <v>5.0861480335355008E-2</v>
      </c>
      <c r="Z74" s="220">
        <v>6.0194355606786064E-2</v>
      </c>
      <c r="AA74" s="101">
        <v>2.7906631233405609E-2</v>
      </c>
      <c r="AB74" s="220">
        <v>0.22415406588048092</v>
      </c>
      <c r="AC74" s="101">
        <v>4.7146561914478274E-2</v>
      </c>
    </row>
    <row r="75" spans="1:29">
      <c r="A75" s="57" t="s">
        <v>459</v>
      </c>
      <c r="B75" s="213">
        <v>460</v>
      </c>
      <c r="C75" s="219">
        <v>0.4175282568310405</v>
      </c>
      <c r="D75" s="98">
        <v>4.4882979451037384E-2</v>
      </c>
      <c r="E75" s="219">
        <v>0.20795156452505259</v>
      </c>
      <c r="F75" s="98">
        <v>3.7091629437922671E-2</v>
      </c>
      <c r="G75" s="219">
        <v>0.37452017864390691</v>
      </c>
      <c r="H75" s="98">
        <v>4.4064795408495963E-2</v>
      </c>
      <c r="I75" s="213">
        <v>461</v>
      </c>
      <c r="J75" s="219">
        <v>0.18752111665293766</v>
      </c>
      <c r="K75" s="98">
        <v>3.5672347698968369E-2</v>
      </c>
      <c r="L75" s="219">
        <v>0.15982432470838018</v>
      </c>
      <c r="M75" s="98">
        <v>3.355198980635915E-2</v>
      </c>
      <c r="N75" s="219">
        <v>0.65265455863868216</v>
      </c>
      <c r="O75" s="98">
        <v>4.3314581954453535E-2</v>
      </c>
      <c r="P75" s="213">
        <v>461</v>
      </c>
      <c r="Q75" s="219">
        <v>0.56638264009698969</v>
      </c>
      <c r="R75" s="98">
        <v>4.505101974361346E-2</v>
      </c>
      <c r="S75" s="219">
        <v>9.1043123551997743E-2</v>
      </c>
      <c r="T75" s="98">
        <v>2.6595936519612368E-2</v>
      </c>
      <c r="U75" s="219">
        <v>0.34257423635101253</v>
      </c>
      <c r="V75" s="98">
        <v>4.3175685814090654E-2</v>
      </c>
      <c r="W75" s="213">
        <v>457</v>
      </c>
      <c r="X75" s="219">
        <v>0.63646169423915877</v>
      </c>
      <c r="Y75" s="98">
        <v>4.394086347820951E-2</v>
      </c>
      <c r="Z75" s="219">
        <v>7.5075531746502167E-2</v>
      </c>
      <c r="AA75" s="98">
        <v>2.4589584431537564E-2</v>
      </c>
      <c r="AB75" s="219">
        <v>0.28846277401433906</v>
      </c>
      <c r="AC75" s="98">
        <v>4.1434848029360052E-2</v>
      </c>
    </row>
    <row r="76" spans="1:29">
      <c r="A76" s="49" t="s">
        <v>460</v>
      </c>
      <c r="B76" s="216">
        <v>166</v>
      </c>
      <c r="C76" s="220">
        <v>0.25847663370680196</v>
      </c>
      <c r="D76" s="101">
        <v>6.6276045966335337E-2</v>
      </c>
      <c r="E76" s="220">
        <v>0.18069386075894397</v>
      </c>
      <c r="F76" s="101">
        <v>5.8758689387399303E-2</v>
      </c>
      <c r="G76" s="220">
        <v>0.56082950553425415</v>
      </c>
      <c r="H76" s="101">
        <v>7.4630314893184821E-2</v>
      </c>
      <c r="I76" s="216">
        <v>166</v>
      </c>
      <c r="J76" s="220">
        <v>0.13242443279528199</v>
      </c>
      <c r="K76" s="101">
        <v>5.2327746954298461E-2</v>
      </c>
      <c r="L76" s="220">
        <v>0.11022101835220577</v>
      </c>
      <c r="M76" s="101">
        <v>4.8742858122564021E-2</v>
      </c>
      <c r="N76" s="220">
        <v>0.75735454885251219</v>
      </c>
      <c r="O76" s="101">
        <v>6.4979549420797922E-2</v>
      </c>
      <c r="P76" s="216">
        <v>166</v>
      </c>
      <c r="Q76" s="220">
        <v>0.43971698203702547</v>
      </c>
      <c r="R76" s="101">
        <v>7.4639868730242503E-2</v>
      </c>
      <c r="S76" s="220">
        <v>8.3328263336764519E-2</v>
      </c>
      <c r="T76" s="101">
        <v>4.3687153707622814E-2</v>
      </c>
      <c r="U76" s="220">
        <v>0.47695475462621001</v>
      </c>
      <c r="V76" s="101">
        <v>7.5086407895284979E-2</v>
      </c>
      <c r="W76" s="216">
        <v>164</v>
      </c>
      <c r="X76" s="220">
        <v>0.53011306055493701</v>
      </c>
      <c r="Y76" s="101">
        <v>7.5477857024834102E-2</v>
      </c>
      <c r="Z76" s="220">
        <v>0.10459526546914343</v>
      </c>
      <c r="AA76" s="101">
        <v>4.8060330788688918E-2</v>
      </c>
      <c r="AB76" s="220">
        <v>0.36529167397591961</v>
      </c>
      <c r="AC76" s="101">
        <v>7.2946861664398344E-2</v>
      </c>
    </row>
    <row r="79" spans="1:29" ht="18.75">
      <c r="A79" s="331" t="s">
        <v>34</v>
      </c>
      <c r="B79" s="331"/>
      <c r="C79" s="331"/>
      <c r="D79" s="331"/>
      <c r="E79" s="331"/>
      <c r="F79" s="331"/>
      <c r="G79" s="331"/>
      <c r="H79" s="331"/>
    </row>
    <row r="80" spans="1:29" ht="45.75" customHeight="1">
      <c r="A80" s="352" t="s">
        <v>400</v>
      </c>
      <c r="B80" s="352"/>
      <c r="C80" s="352"/>
      <c r="D80" s="352"/>
      <c r="E80" s="352"/>
      <c r="F80" s="352"/>
      <c r="G80" s="352"/>
      <c r="H80" s="352"/>
    </row>
    <row r="81" spans="1:8" ht="34.5" customHeight="1">
      <c r="A81" s="333" t="s">
        <v>401</v>
      </c>
      <c r="B81" s="333"/>
      <c r="C81" s="333"/>
      <c r="D81" s="333"/>
      <c r="E81" s="333"/>
      <c r="F81" s="333"/>
      <c r="G81" s="333"/>
      <c r="H81" s="333"/>
    </row>
    <row r="82" spans="1:8" ht="37.5" customHeight="1">
      <c r="A82" s="115" t="s">
        <v>114</v>
      </c>
      <c r="B82" s="38" t="s">
        <v>115</v>
      </c>
      <c r="C82" s="38" t="s">
        <v>399</v>
      </c>
      <c r="D82" s="93" t="s">
        <v>236</v>
      </c>
      <c r="E82" s="38" t="s">
        <v>237</v>
      </c>
      <c r="F82" s="93" t="s">
        <v>238</v>
      </c>
      <c r="G82" s="38" t="s">
        <v>239</v>
      </c>
      <c r="H82" s="93" t="s">
        <v>240</v>
      </c>
    </row>
    <row r="83" spans="1:8" ht="72">
      <c r="A83" s="116"/>
      <c r="B83" s="42" t="s">
        <v>118</v>
      </c>
      <c r="C83" s="42" t="s">
        <v>338</v>
      </c>
      <c r="D83" s="95" t="s">
        <v>148</v>
      </c>
      <c r="E83" s="42" t="s">
        <v>339</v>
      </c>
      <c r="F83" s="95" t="s">
        <v>148</v>
      </c>
      <c r="G83" s="42" t="s">
        <v>340</v>
      </c>
      <c r="H83" s="95" t="s">
        <v>148</v>
      </c>
    </row>
    <row r="84" spans="1:8">
      <c r="A84" s="45" t="s">
        <v>449</v>
      </c>
      <c r="B84" s="221">
        <v>12888</v>
      </c>
      <c r="C84" s="222">
        <v>0.26570686697183238</v>
      </c>
      <c r="D84" s="98">
        <v>7.6255284882688129E-3</v>
      </c>
      <c r="E84" s="222">
        <v>0.31019510338418393</v>
      </c>
      <c r="F84" s="98">
        <v>7.9854466156415258E-3</v>
      </c>
      <c r="G84" s="222">
        <v>0.42409802964398363</v>
      </c>
      <c r="H84" s="98">
        <v>8.531129027981213E-3</v>
      </c>
    </row>
    <row r="85" spans="1:8">
      <c r="A85" s="49" t="s">
        <v>450</v>
      </c>
      <c r="B85" s="223">
        <v>3594</v>
      </c>
      <c r="C85" s="224">
        <v>0.25690239673105053</v>
      </c>
      <c r="D85" s="101">
        <v>1.4281763187991578E-2</v>
      </c>
      <c r="E85" s="224">
        <v>0.30766541608137926</v>
      </c>
      <c r="F85" s="101">
        <v>1.5083656468469908E-2</v>
      </c>
      <c r="G85" s="224">
        <v>0.43543218718757021</v>
      </c>
      <c r="H85" s="101">
        <v>1.6201379569880409E-2</v>
      </c>
    </row>
    <row r="86" spans="1:8">
      <c r="A86" s="53" t="s">
        <v>451</v>
      </c>
      <c r="B86" s="54">
        <v>285</v>
      </c>
      <c r="C86" s="190">
        <v>0.2758074651379982</v>
      </c>
      <c r="D86" s="98">
        <v>5.1705192159187965E-2</v>
      </c>
      <c r="E86" s="190">
        <v>0.32968633409538195</v>
      </c>
      <c r="F86" s="98">
        <v>5.4297366982952081E-2</v>
      </c>
      <c r="G86" s="190">
        <v>0.39450620076661985</v>
      </c>
      <c r="H86" s="98">
        <v>5.6385424138837618E-2</v>
      </c>
    </row>
    <row r="87" spans="1:8">
      <c r="A87" s="121" t="s">
        <v>452</v>
      </c>
      <c r="B87" s="223">
        <v>180</v>
      </c>
      <c r="C87" s="224">
        <v>0.3714822331533344</v>
      </c>
      <c r="D87" s="101">
        <v>6.9925338718136817E-2</v>
      </c>
      <c r="E87" s="224">
        <v>0.26812001301515243</v>
      </c>
      <c r="F87" s="101">
        <v>6.4383644915290125E-2</v>
      </c>
      <c r="G87" s="224">
        <v>0.36039775383151323</v>
      </c>
      <c r="H87" s="101">
        <v>6.9499438114883558E-2</v>
      </c>
    </row>
    <row r="88" spans="1:8">
      <c r="A88" s="122" t="s">
        <v>453</v>
      </c>
      <c r="B88" s="221">
        <v>361</v>
      </c>
      <c r="C88" s="222">
        <v>0.23415026418152826</v>
      </c>
      <c r="D88" s="98">
        <v>4.3630109090753044E-2</v>
      </c>
      <c r="E88" s="222">
        <v>0.34676636535310101</v>
      </c>
      <c r="F88" s="98">
        <v>4.8882395842062831E-2</v>
      </c>
      <c r="G88" s="222">
        <v>0.41908337046537075</v>
      </c>
      <c r="H88" s="98">
        <v>5.0634207820791963E-2</v>
      </c>
    </row>
    <row r="89" spans="1:8">
      <c r="A89" s="121" t="s">
        <v>454</v>
      </c>
      <c r="B89" s="223">
        <v>719</v>
      </c>
      <c r="C89" s="224">
        <v>0.24147792330173096</v>
      </c>
      <c r="D89" s="101">
        <v>3.1259518224949379E-2</v>
      </c>
      <c r="E89" s="224">
        <v>0.32049189766705632</v>
      </c>
      <c r="F89" s="101">
        <v>3.4044504365219164E-2</v>
      </c>
      <c r="G89" s="224">
        <v>0.43803017903121272</v>
      </c>
      <c r="H89" s="101">
        <v>3.6168692852118066E-2</v>
      </c>
    </row>
    <row r="90" spans="1:8">
      <c r="A90" s="122" t="s">
        <v>455</v>
      </c>
      <c r="B90" s="221">
        <v>219</v>
      </c>
      <c r="C90" s="222">
        <v>0.29495473470269273</v>
      </c>
      <c r="D90" s="98">
        <v>6.0068262145953948E-2</v>
      </c>
      <c r="E90" s="222">
        <v>0.33014976528652723</v>
      </c>
      <c r="F90" s="98">
        <v>6.1866102963775982E-2</v>
      </c>
      <c r="G90" s="222">
        <v>0.37489550001077998</v>
      </c>
      <c r="H90" s="98">
        <v>6.3613611385678406E-2</v>
      </c>
    </row>
    <row r="91" spans="1:8">
      <c r="A91" s="121" t="s">
        <v>456</v>
      </c>
      <c r="B91" s="223">
        <v>679</v>
      </c>
      <c r="C91" s="224">
        <v>0.24738823278900951</v>
      </c>
      <c r="D91" s="101">
        <v>3.2425611923963579E-2</v>
      </c>
      <c r="E91" s="224">
        <v>0.29353373164964452</v>
      </c>
      <c r="F91" s="101">
        <v>3.4193309010998083E-2</v>
      </c>
      <c r="G91" s="224">
        <v>0.45907803556134597</v>
      </c>
      <c r="H91" s="101">
        <v>3.7374327444378547E-2</v>
      </c>
    </row>
    <row r="92" spans="1:8">
      <c r="A92" s="122" t="s">
        <v>457</v>
      </c>
      <c r="B92" s="221">
        <v>211</v>
      </c>
      <c r="C92" s="222">
        <v>0.19807814034922136</v>
      </c>
      <c r="D92" s="98">
        <v>5.3835280242364378E-2</v>
      </c>
      <c r="E92" s="222">
        <v>0.24212090800705074</v>
      </c>
      <c r="F92" s="98">
        <v>5.7641429087091182E-2</v>
      </c>
      <c r="G92" s="222">
        <v>0.5598009516437279</v>
      </c>
      <c r="H92" s="98">
        <v>6.6373442410178507E-2</v>
      </c>
    </row>
    <row r="93" spans="1:8">
      <c r="A93" s="121" t="s">
        <v>458</v>
      </c>
      <c r="B93" s="223">
        <v>302</v>
      </c>
      <c r="C93" s="224">
        <v>0.31589746461697799</v>
      </c>
      <c r="D93" s="101">
        <v>5.2192943633178501E-2</v>
      </c>
      <c r="E93" s="224">
        <v>0.3504508154962635</v>
      </c>
      <c r="F93" s="101">
        <v>5.3526436446695906E-2</v>
      </c>
      <c r="G93" s="224">
        <v>0.33365171988675857</v>
      </c>
      <c r="H93" s="101">
        <v>5.2916793227125447E-2</v>
      </c>
    </row>
    <row r="94" spans="1:8">
      <c r="A94" s="122" t="s">
        <v>459</v>
      </c>
      <c r="B94" s="221">
        <v>461</v>
      </c>
      <c r="C94" s="222">
        <v>0.25342531467215007</v>
      </c>
      <c r="D94" s="98">
        <v>3.9644531378422124E-2</v>
      </c>
      <c r="E94" s="222">
        <v>0.28625134273073627</v>
      </c>
      <c r="F94" s="98">
        <v>4.1162927272457815E-2</v>
      </c>
      <c r="G94" s="222">
        <v>0.46032334259711377</v>
      </c>
      <c r="H94" s="98">
        <v>4.5305557769587383E-2</v>
      </c>
    </row>
    <row r="95" spans="1:8">
      <c r="A95" s="121" t="s">
        <v>460</v>
      </c>
      <c r="B95" s="223">
        <v>166</v>
      </c>
      <c r="C95" s="224">
        <v>9.2844198610362666E-2</v>
      </c>
      <c r="D95" s="101">
        <v>4.5579412405897982E-2</v>
      </c>
      <c r="E95" s="224">
        <v>0.19149196174496666</v>
      </c>
      <c r="F95" s="101">
        <v>5.9988776049709591E-2</v>
      </c>
      <c r="G95" s="224">
        <v>0.71566383964467062</v>
      </c>
      <c r="H95" s="101">
        <v>6.8170768746452393E-2</v>
      </c>
    </row>
    <row r="98" spans="1:4" ht="18.75">
      <c r="A98" s="331" t="s">
        <v>17</v>
      </c>
      <c r="B98" s="331"/>
      <c r="C98" s="331"/>
      <c r="D98" s="331"/>
    </row>
    <row r="99" spans="1:4" ht="117.75" customHeight="1">
      <c r="A99" s="352" t="s">
        <v>403</v>
      </c>
      <c r="B99" s="352"/>
      <c r="C99" s="352"/>
      <c r="D99" s="352"/>
    </row>
    <row r="100" spans="1:4" ht="36" customHeight="1">
      <c r="A100" s="333" t="s">
        <v>18</v>
      </c>
      <c r="B100" s="333"/>
      <c r="C100" s="333"/>
      <c r="D100" s="333"/>
    </row>
    <row r="101" spans="1:4" ht="39.75" customHeight="1">
      <c r="A101" s="37" t="s">
        <v>114</v>
      </c>
      <c r="B101" s="38" t="s">
        <v>115</v>
      </c>
      <c r="C101" s="39" t="s">
        <v>116</v>
      </c>
      <c r="D101" s="40" t="s">
        <v>117</v>
      </c>
    </row>
    <row r="102" spans="1:4" ht="72">
      <c r="A102" s="41"/>
      <c r="B102" s="42" t="s">
        <v>118</v>
      </c>
      <c r="C102" s="136" t="s">
        <v>241</v>
      </c>
      <c r="D102" s="44" t="s">
        <v>120</v>
      </c>
    </row>
    <row r="103" spans="1:4">
      <c r="A103" s="45" t="s">
        <v>449</v>
      </c>
      <c r="B103" s="225">
        <v>11371</v>
      </c>
      <c r="C103" s="226">
        <v>5.3988850611289196</v>
      </c>
      <c r="D103" s="139">
        <v>4.1344082972676333E-2</v>
      </c>
    </row>
    <row r="104" spans="1:4">
      <c r="A104" s="49" t="s">
        <v>450</v>
      </c>
      <c r="B104" s="227">
        <v>3163</v>
      </c>
      <c r="C104" s="228">
        <v>5.3432384663082297</v>
      </c>
      <c r="D104" s="143">
        <v>8.2791999472909161E-2</v>
      </c>
    </row>
    <row r="105" spans="1:4">
      <c r="A105" s="53" t="s">
        <v>451</v>
      </c>
      <c r="B105" s="83">
        <v>259</v>
      </c>
      <c r="C105" s="84">
        <v>5.3893708265769336</v>
      </c>
      <c r="D105" s="85">
        <v>0.23274106345033552</v>
      </c>
    </row>
    <row r="106" spans="1:4">
      <c r="A106" s="49" t="s">
        <v>452</v>
      </c>
      <c r="B106" s="227">
        <v>159</v>
      </c>
      <c r="C106" s="228">
        <v>5.6306564314552112</v>
      </c>
      <c r="D106" s="143">
        <v>0.22797055275640421</v>
      </c>
    </row>
    <row r="107" spans="1:4">
      <c r="A107" s="57" t="s">
        <v>453</v>
      </c>
      <c r="B107" s="225">
        <v>333</v>
      </c>
      <c r="C107" s="226">
        <v>5.3718492493200918</v>
      </c>
      <c r="D107" s="139">
        <v>0.23060379095144068</v>
      </c>
    </row>
    <row r="108" spans="1:4">
      <c r="A108" s="49" t="s">
        <v>454</v>
      </c>
      <c r="B108" s="227">
        <v>644</v>
      </c>
      <c r="C108" s="228">
        <v>5.2832493910793232</v>
      </c>
      <c r="D108" s="143">
        <v>0.18884506023923908</v>
      </c>
    </row>
    <row r="109" spans="1:4">
      <c r="A109" s="57" t="s">
        <v>455</v>
      </c>
      <c r="B109" s="225">
        <v>202</v>
      </c>
      <c r="C109" s="226">
        <v>5.075633322846298</v>
      </c>
      <c r="D109" s="139">
        <v>0.41509643780034633</v>
      </c>
    </row>
    <row r="110" spans="1:4">
      <c r="A110" s="49" t="s">
        <v>456</v>
      </c>
      <c r="B110" s="227">
        <v>625</v>
      </c>
      <c r="C110" s="228">
        <v>5.3514157059723466</v>
      </c>
      <c r="D110" s="143">
        <v>0.19256390152044123</v>
      </c>
    </row>
    <row r="111" spans="1:4">
      <c r="A111" s="57" t="s">
        <v>457</v>
      </c>
      <c r="B111" s="225">
        <v>198</v>
      </c>
      <c r="C111" s="226">
        <v>5.9039610646161789</v>
      </c>
      <c r="D111" s="139">
        <v>0.2889704911929023</v>
      </c>
    </row>
    <row r="112" spans="1:4">
      <c r="A112" s="49" t="s">
        <v>458</v>
      </c>
      <c r="B112" s="227">
        <v>274</v>
      </c>
      <c r="C112" s="228">
        <v>5.5410220672241364</v>
      </c>
      <c r="D112" s="143">
        <v>0.30777014972128747</v>
      </c>
    </row>
    <row r="113" spans="1:22">
      <c r="A113" s="57" t="s">
        <v>459</v>
      </c>
      <c r="B113" s="225">
        <v>421</v>
      </c>
      <c r="C113" s="226">
        <v>5.0849765359815358</v>
      </c>
      <c r="D113" s="139">
        <v>0.21676165383771906</v>
      </c>
    </row>
    <row r="114" spans="1:22">
      <c r="A114" s="49" t="s">
        <v>460</v>
      </c>
      <c r="B114" s="227">
        <v>155</v>
      </c>
      <c r="C114" s="228">
        <v>5.3953738742588371</v>
      </c>
      <c r="D114" s="143">
        <v>0.48837096601854313</v>
      </c>
    </row>
    <row r="117" spans="1:22" ht="18.75">
      <c r="A117" s="331" t="s">
        <v>57</v>
      </c>
      <c r="B117" s="331"/>
      <c r="C117" s="331"/>
      <c r="D117" s="331"/>
      <c r="E117" s="331"/>
      <c r="F117" s="331"/>
      <c r="G117" s="331"/>
      <c r="H117" s="331"/>
      <c r="I117" s="331"/>
      <c r="J117" s="331"/>
      <c r="K117" s="331"/>
      <c r="L117" s="331"/>
      <c r="M117" s="331"/>
      <c r="N117" s="331"/>
      <c r="O117" s="331"/>
      <c r="P117" s="331"/>
      <c r="Q117" s="331"/>
      <c r="R117" s="331"/>
      <c r="S117" s="331"/>
      <c r="T117" s="331"/>
      <c r="U117" s="331"/>
      <c r="V117" s="331"/>
    </row>
    <row r="118" spans="1:22" ht="58.5" customHeight="1">
      <c r="A118" s="362" t="s">
        <v>402</v>
      </c>
      <c r="B118" s="362"/>
      <c r="C118" s="362"/>
      <c r="D118" s="362"/>
      <c r="E118" s="362"/>
      <c r="F118" s="362"/>
      <c r="G118" s="362"/>
      <c r="H118" s="362"/>
      <c r="I118" s="362"/>
      <c r="J118" s="362"/>
      <c r="K118" s="362"/>
      <c r="L118" s="362"/>
      <c r="M118" s="362"/>
      <c r="N118" s="362"/>
      <c r="O118" s="362"/>
      <c r="P118" s="362"/>
      <c r="Q118" s="362"/>
      <c r="R118" s="362"/>
      <c r="S118" s="362"/>
      <c r="T118" s="362"/>
      <c r="U118" s="362"/>
      <c r="V118" s="362"/>
    </row>
    <row r="119" spans="1:22" ht="38.25" customHeight="1">
      <c r="A119" s="64"/>
      <c r="B119" s="351" t="s">
        <v>242</v>
      </c>
      <c r="C119" s="351"/>
      <c r="D119" s="351"/>
      <c r="E119" s="351"/>
      <c r="F119" s="351"/>
      <c r="G119" s="351"/>
      <c r="H119" s="351"/>
      <c r="I119" s="351" t="s">
        <v>243</v>
      </c>
      <c r="J119" s="351"/>
      <c r="K119" s="351"/>
      <c r="L119" s="351"/>
      <c r="M119" s="351"/>
      <c r="N119" s="351"/>
      <c r="O119" s="351"/>
      <c r="P119" s="351" t="s">
        <v>244</v>
      </c>
      <c r="Q119" s="351"/>
      <c r="R119" s="351"/>
      <c r="S119" s="351"/>
      <c r="T119" s="351"/>
      <c r="U119" s="351"/>
      <c r="V119" s="351"/>
    </row>
    <row r="120" spans="1:22" ht="40.5" customHeight="1">
      <c r="A120" s="37" t="s">
        <v>114</v>
      </c>
      <c r="B120" s="38" t="s">
        <v>115</v>
      </c>
      <c r="C120" s="38" t="s">
        <v>300</v>
      </c>
      <c r="D120" s="93" t="s">
        <v>145</v>
      </c>
      <c r="E120" s="38" t="s">
        <v>301</v>
      </c>
      <c r="F120" s="93" t="s">
        <v>146</v>
      </c>
      <c r="G120" s="38" t="s">
        <v>302</v>
      </c>
      <c r="H120" s="93" t="s">
        <v>147</v>
      </c>
      <c r="I120" s="65" t="s">
        <v>115</v>
      </c>
      <c r="J120" s="65" t="s">
        <v>300</v>
      </c>
      <c r="K120" s="92" t="s">
        <v>145</v>
      </c>
      <c r="L120" s="65" t="s">
        <v>301</v>
      </c>
      <c r="M120" s="92" t="s">
        <v>146</v>
      </c>
      <c r="N120" s="65" t="s">
        <v>302</v>
      </c>
      <c r="O120" s="92" t="s">
        <v>147</v>
      </c>
      <c r="P120" s="38" t="s">
        <v>115</v>
      </c>
      <c r="Q120" s="38" t="s">
        <v>300</v>
      </c>
      <c r="R120" s="93" t="s">
        <v>145</v>
      </c>
      <c r="S120" s="38" t="s">
        <v>301</v>
      </c>
      <c r="T120" s="93" t="s">
        <v>146</v>
      </c>
      <c r="U120" s="38" t="s">
        <v>302</v>
      </c>
      <c r="V120" s="93" t="s">
        <v>147</v>
      </c>
    </row>
    <row r="121" spans="1:22" ht="72">
      <c r="A121" s="41"/>
      <c r="B121" s="42" t="s">
        <v>118</v>
      </c>
      <c r="C121" s="42" t="s">
        <v>303</v>
      </c>
      <c r="D121" s="95" t="s">
        <v>245</v>
      </c>
      <c r="E121" s="42" t="s">
        <v>304</v>
      </c>
      <c r="F121" s="95" t="s">
        <v>148</v>
      </c>
      <c r="G121" s="42" t="s">
        <v>305</v>
      </c>
      <c r="H121" s="95" t="s">
        <v>148</v>
      </c>
      <c r="I121" s="68" t="s">
        <v>118</v>
      </c>
      <c r="J121" s="68" t="s">
        <v>303</v>
      </c>
      <c r="K121" s="94" t="s">
        <v>245</v>
      </c>
      <c r="L121" s="68" t="s">
        <v>304</v>
      </c>
      <c r="M121" s="94" t="s">
        <v>148</v>
      </c>
      <c r="N121" s="68" t="s">
        <v>305</v>
      </c>
      <c r="O121" s="94" t="s">
        <v>148</v>
      </c>
      <c r="P121" s="42" t="s">
        <v>118</v>
      </c>
      <c r="Q121" s="42" t="s">
        <v>303</v>
      </c>
      <c r="R121" s="95" t="s">
        <v>245</v>
      </c>
      <c r="S121" s="42" t="s">
        <v>304</v>
      </c>
      <c r="T121" s="95" t="s">
        <v>148</v>
      </c>
      <c r="U121" s="42" t="s">
        <v>305</v>
      </c>
      <c r="V121" s="95" t="s">
        <v>148</v>
      </c>
    </row>
    <row r="122" spans="1:22">
      <c r="A122" s="45" t="s">
        <v>449</v>
      </c>
      <c r="B122" s="225">
        <v>11740</v>
      </c>
      <c r="C122" s="229">
        <v>9.2130828846596499E-2</v>
      </c>
      <c r="D122" s="98">
        <v>5.2342700328665923E-3</v>
      </c>
      <c r="E122" s="229">
        <v>0.11912796694661311</v>
      </c>
      <c r="F122" s="98">
        <v>5.8615932611175694E-3</v>
      </c>
      <c r="G122" s="229">
        <v>0.78874120420679039</v>
      </c>
      <c r="H122" s="98">
        <v>7.3840852230217932E-3</v>
      </c>
      <c r="I122" s="225">
        <v>11687</v>
      </c>
      <c r="J122" s="229">
        <v>0.1326691139053737</v>
      </c>
      <c r="K122" s="98">
        <v>6.1515095670437699E-3</v>
      </c>
      <c r="L122" s="229">
        <v>0.14808854248957956</v>
      </c>
      <c r="M122" s="98">
        <v>6.4407136128708979E-3</v>
      </c>
      <c r="N122" s="229">
        <v>0.7192423436050468</v>
      </c>
      <c r="O122" s="98">
        <v>8.1464618892198686E-3</v>
      </c>
      <c r="P122" s="225">
        <v>11648</v>
      </c>
      <c r="Q122" s="229">
        <v>0.78455712421325263</v>
      </c>
      <c r="R122" s="98">
        <v>7.4663025482546675E-3</v>
      </c>
      <c r="S122" s="229">
        <v>8.6975179470640082E-2</v>
      </c>
      <c r="T122" s="98">
        <v>5.1205283237446891E-3</v>
      </c>
      <c r="U122" s="229">
        <v>0.12846769631610724</v>
      </c>
      <c r="V122" s="98">
        <v>6.0782455777715471E-3</v>
      </c>
    </row>
    <row r="123" spans="1:22">
      <c r="A123" s="49" t="s">
        <v>450</v>
      </c>
      <c r="B123" s="227">
        <v>3282</v>
      </c>
      <c r="C123" s="230">
        <v>0.10039405499824014</v>
      </c>
      <c r="D123" s="101">
        <v>1.0297566213055978E-2</v>
      </c>
      <c r="E123" s="230">
        <v>0.12740913138370408</v>
      </c>
      <c r="F123" s="101">
        <v>1.1417910383039942E-2</v>
      </c>
      <c r="G123" s="230">
        <v>0.77219681361805581</v>
      </c>
      <c r="H123" s="101">
        <v>1.4347908841247987E-2</v>
      </c>
      <c r="I123" s="227">
        <v>3260</v>
      </c>
      <c r="J123" s="230">
        <v>0.14100189933618326</v>
      </c>
      <c r="K123" s="101">
        <v>1.1955144104786047E-2</v>
      </c>
      <c r="L123" s="230">
        <v>0.14875759103203748</v>
      </c>
      <c r="M123" s="101">
        <v>1.2222633452054574E-2</v>
      </c>
      <c r="N123" s="230">
        <v>0.7102405096317792</v>
      </c>
      <c r="O123" s="101">
        <v>1.556742422132378E-2</v>
      </c>
      <c r="P123" s="227">
        <v>3253</v>
      </c>
      <c r="Q123" s="230">
        <v>0.77271427890386801</v>
      </c>
      <c r="R123" s="101">
        <v>1.4400194148292671E-2</v>
      </c>
      <c r="S123" s="230">
        <v>8.1459441489376963E-2</v>
      </c>
      <c r="T123" s="101">
        <v>9.4213133088025883E-3</v>
      </c>
      <c r="U123" s="230">
        <v>0.14582627960675504</v>
      </c>
      <c r="V123" s="101">
        <v>1.2135965355213402E-2</v>
      </c>
    </row>
    <row r="124" spans="1:22">
      <c r="A124" s="53" t="s">
        <v>451</v>
      </c>
      <c r="B124" s="54">
        <v>260</v>
      </c>
      <c r="C124" s="190">
        <v>6.875056882600461E-2</v>
      </c>
      <c r="D124" s="98">
        <v>3.1828147509103205E-2</v>
      </c>
      <c r="E124" s="190">
        <v>0.14926150213736364</v>
      </c>
      <c r="F124" s="98">
        <v>4.3607592148496375E-2</v>
      </c>
      <c r="G124" s="190">
        <v>0.78198792903663172</v>
      </c>
      <c r="H124" s="98">
        <v>5.0155568316159437E-2</v>
      </c>
      <c r="I124" s="54">
        <v>257</v>
      </c>
      <c r="J124" s="190">
        <v>0.11499569855478012</v>
      </c>
      <c r="K124" s="98">
        <v>3.9551425460880085E-2</v>
      </c>
      <c r="L124" s="190">
        <v>0.19340674112501749</v>
      </c>
      <c r="M124" s="98">
        <v>4.8355145230626992E-2</v>
      </c>
      <c r="N124" s="190">
        <v>0.69159756032020236</v>
      </c>
      <c r="O124" s="98">
        <v>5.61765739214296E-2</v>
      </c>
      <c r="P124" s="54">
        <v>258</v>
      </c>
      <c r="Q124" s="190">
        <v>0.77725296148528811</v>
      </c>
      <c r="R124" s="98">
        <v>5.0721784512870731E-2</v>
      </c>
      <c r="S124" s="190">
        <v>0.11542056658444372</v>
      </c>
      <c r="T124" s="98">
        <v>3.9531546752467069E-2</v>
      </c>
      <c r="U124" s="190">
        <v>0.1073264719302682</v>
      </c>
      <c r="V124" s="98">
        <v>3.8383506882000998E-2</v>
      </c>
    </row>
    <row r="125" spans="1:22">
      <c r="A125" s="49" t="s">
        <v>452</v>
      </c>
      <c r="B125" s="227">
        <v>159</v>
      </c>
      <c r="C125" s="230">
        <v>5.5488684848167193E-2</v>
      </c>
      <c r="D125" s="101">
        <v>3.8222353841426707E-2</v>
      </c>
      <c r="E125" s="230">
        <v>7.2804815298422504E-2</v>
      </c>
      <c r="F125" s="101">
        <v>4.2419960391592598E-2</v>
      </c>
      <c r="G125" s="230">
        <v>0.87170649985341031</v>
      </c>
      <c r="H125" s="101">
        <v>5.2854317170287886E-2</v>
      </c>
      <c r="I125" s="227">
        <v>157</v>
      </c>
      <c r="J125" s="230">
        <v>7.4148949785174792E-2</v>
      </c>
      <c r="K125" s="101">
        <v>4.3016419381737496E-2</v>
      </c>
      <c r="L125" s="230">
        <v>0.10540659098071324</v>
      </c>
      <c r="M125" s="101">
        <v>4.9318354363042452E-2</v>
      </c>
      <c r="N125" s="230">
        <v>0.82044445923411191</v>
      </c>
      <c r="O125" s="101">
        <v>6.0293501132759053E-2</v>
      </c>
      <c r="P125" s="227">
        <v>155</v>
      </c>
      <c r="Q125" s="230">
        <v>0.86104590104320877</v>
      </c>
      <c r="R125" s="101">
        <v>5.5201773630838995E-2</v>
      </c>
      <c r="S125" s="230">
        <v>5.5714434589976602E-2</v>
      </c>
      <c r="T125" s="101">
        <v>3.8833705994617287E-2</v>
      </c>
      <c r="U125" s="230">
        <v>8.3239664366814667E-2</v>
      </c>
      <c r="V125" s="101">
        <v>4.53016034588508E-2</v>
      </c>
    </row>
    <row r="126" spans="1:22">
      <c r="A126" s="57" t="s">
        <v>453</v>
      </c>
      <c r="B126" s="225">
        <v>334</v>
      </c>
      <c r="C126" s="229">
        <v>6.6017482342843395E-2</v>
      </c>
      <c r="D126" s="98">
        <v>2.7407376355809959E-2</v>
      </c>
      <c r="E126" s="229">
        <v>0.11701891504047546</v>
      </c>
      <c r="F126" s="98">
        <v>3.4836589281396109E-2</v>
      </c>
      <c r="G126" s="229">
        <v>0.81696360261668111</v>
      </c>
      <c r="H126" s="98">
        <v>4.1550246091229155E-2</v>
      </c>
      <c r="I126" s="225">
        <v>331</v>
      </c>
      <c r="J126" s="229">
        <v>0.1113632045679933</v>
      </c>
      <c r="K126" s="98">
        <v>3.4292150495302202E-2</v>
      </c>
      <c r="L126" s="229">
        <v>0.15735519163923198</v>
      </c>
      <c r="M126" s="98">
        <v>3.9401553350977801E-2</v>
      </c>
      <c r="N126" s="229">
        <v>0.73128160379277474</v>
      </c>
      <c r="O126" s="98">
        <v>4.7623719467884899E-2</v>
      </c>
      <c r="P126" s="225">
        <v>332</v>
      </c>
      <c r="Q126" s="229">
        <v>0.76409016319082212</v>
      </c>
      <c r="R126" s="98">
        <v>4.5604869196388086E-2</v>
      </c>
      <c r="S126" s="229">
        <v>6.8290169501153589E-2</v>
      </c>
      <c r="T126" s="98">
        <v>2.7890811429944189E-2</v>
      </c>
      <c r="U126" s="229">
        <v>0.1676196673080243</v>
      </c>
      <c r="V126" s="98">
        <v>4.0312674898327051E-2</v>
      </c>
    </row>
    <row r="127" spans="1:22">
      <c r="A127" s="49" t="s">
        <v>454</v>
      </c>
      <c r="B127" s="227">
        <v>647</v>
      </c>
      <c r="C127" s="230">
        <v>0.13191208591422662</v>
      </c>
      <c r="D127" s="101">
        <v>2.6182719184488716E-2</v>
      </c>
      <c r="E127" s="230">
        <v>0.13718365295517798</v>
      </c>
      <c r="F127" s="101">
        <v>2.6608140485938875E-2</v>
      </c>
      <c r="G127" s="230">
        <v>0.73090426113059537</v>
      </c>
      <c r="H127" s="101">
        <v>3.4124727041484781E-2</v>
      </c>
      <c r="I127" s="227">
        <v>642</v>
      </c>
      <c r="J127" s="230">
        <v>0.13311206271683079</v>
      </c>
      <c r="K127" s="101">
        <v>2.6383649348536566E-2</v>
      </c>
      <c r="L127" s="230">
        <v>0.17294381986012197</v>
      </c>
      <c r="M127" s="101">
        <v>2.9299178103738062E-2</v>
      </c>
      <c r="N127" s="230">
        <v>0.69394411742304729</v>
      </c>
      <c r="O127" s="101">
        <v>3.5577603422769714E-2</v>
      </c>
      <c r="P127" s="227">
        <v>641</v>
      </c>
      <c r="Q127" s="230">
        <v>0.73050428195761208</v>
      </c>
      <c r="R127" s="101">
        <v>3.4299434517203527E-2</v>
      </c>
      <c r="S127" s="230">
        <v>0.11153071198750515</v>
      </c>
      <c r="T127" s="101">
        <v>2.452141880291378E-2</v>
      </c>
      <c r="U127" s="230">
        <v>0.15796500605488276</v>
      </c>
      <c r="V127" s="101">
        <v>2.8298959597627071E-2</v>
      </c>
    </row>
    <row r="128" spans="1:22">
      <c r="A128" s="57" t="s">
        <v>455</v>
      </c>
      <c r="B128" s="225">
        <v>202</v>
      </c>
      <c r="C128" s="229">
        <v>0.16973363857134116</v>
      </c>
      <c r="D128" s="98">
        <v>5.2021700096831699E-2</v>
      </c>
      <c r="E128" s="229">
        <v>0.14658252472105765</v>
      </c>
      <c r="F128" s="98">
        <v>4.9218278735793111E-2</v>
      </c>
      <c r="G128" s="229">
        <v>0.68368383670760113</v>
      </c>
      <c r="H128" s="98">
        <v>6.3695653683824613E-2</v>
      </c>
      <c r="I128" s="225">
        <v>202</v>
      </c>
      <c r="J128" s="229">
        <v>0.21990478307724265</v>
      </c>
      <c r="K128" s="98">
        <v>5.705577130516102E-2</v>
      </c>
      <c r="L128" s="229">
        <v>0.13449305951008073</v>
      </c>
      <c r="M128" s="98">
        <v>4.7608719082716668E-2</v>
      </c>
      <c r="N128" s="229">
        <v>0.64560215741267668</v>
      </c>
      <c r="O128" s="98">
        <v>6.5436926190558714E-2</v>
      </c>
      <c r="P128" s="225">
        <v>199</v>
      </c>
      <c r="Q128" s="229">
        <v>0.7540009247077496</v>
      </c>
      <c r="R128" s="98">
        <v>5.9646935280788592E-2</v>
      </c>
      <c r="S128" s="229">
        <v>5.6863430121318496E-2</v>
      </c>
      <c r="T128" s="98">
        <v>3.4057406066583105E-2</v>
      </c>
      <c r="U128" s="229">
        <v>0.1891356451709319</v>
      </c>
      <c r="V128" s="98">
        <v>5.453098903252452E-2</v>
      </c>
    </row>
    <row r="129" spans="1:22">
      <c r="A129" s="49" t="s">
        <v>456</v>
      </c>
      <c r="B129" s="227">
        <v>625</v>
      </c>
      <c r="C129" s="230">
        <v>9.1357907267623079E-2</v>
      </c>
      <c r="D129" s="101">
        <v>2.2801785962404262E-2</v>
      </c>
      <c r="E129" s="230">
        <v>0.10809770432380296</v>
      </c>
      <c r="F129" s="101">
        <v>2.45097882518177E-2</v>
      </c>
      <c r="G129" s="230">
        <v>0.800544388408574</v>
      </c>
      <c r="H129" s="101">
        <v>3.1339958310108738E-2</v>
      </c>
      <c r="I129" s="227">
        <v>620</v>
      </c>
      <c r="J129" s="230">
        <v>0.12206249297824069</v>
      </c>
      <c r="K129" s="101">
        <v>2.5903254782121646E-2</v>
      </c>
      <c r="L129" s="230">
        <v>0.13726684280569523</v>
      </c>
      <c r="M129" s="101">
        <v>2.7192324442855912E-2</v>
      </c>
      <c r="N129" s="230">
        <v>0.74067066421606409</v>
      </c>
      <c r="O129" s="101">
        <v>3.4453820733872195E-2</v>
      </c>
      <c r="P129" s="227">
        <v>618</v>
      </c>
      <c r="Q129" s="230">
        <v>0.78168942946810305</v>
      </c>
      <c r="R129" s="101">
        <v>3.2561619273299133E-2</v>
      </c>
      <c r="S129" s="230">
        <v>9.3373368501900103E-2</v>
      </c>
      <c r="T129" s="101">
        <v>2.3150326312653589E-2</v>
      </c>
      <c r="U129" s="230">
        <v>0.12493720202999688</v>
      </c>
      <c r="V129" s="101">
        <v>2.6198667803831874E-2</v>
      </c>
    </row>
    <row r="130" spans="1:22">
      <c r="A130" s="57" t="s">
        <v>457</v>
      </c>
      <c r="B130" s="225">
        <v>198</v>
      </c>
      <c r="C130" s="229">
        <v>4.645491976538841E-2</v>
      </c>
      <c r="D130" s="98">
        <v>3.1556735008627587E-2</v>
      </c>
      <c r="E130" s="229">
        <v>8.4737160185162613E-2</v>
      </c>
      <c r="F130" s="98">
        <v>4.0044424395748651E-2</v>
      </c>
      <c r="G130" s="229">
        <v>0.86880792004944896</v>
      </c>
      <c r="H130" s="98">
        <v>4.7635048046763134E-2</v>
      </c>
      <c r="I130" s="225">
        <v>198</v>
      </c>
      <c r="J130" s="229">
        <v>0.10680856154686756</v>
      </c>
      <c r="K130" s="98">
        <v>4.3927190942858338E-2</v>
      </c>
      <c r="L130" s="229">
        <v>4.8287131010184038E-2</v>
      </c>
      <c r="M130" s="98">
        <v>3.2033327345862971E-2</v>
      </c>
      <c r="N130" s="229">
        <v>0.84490430744294842</v>
      </c>
      <c r="O130" s="98">
        <v>5.0801823650096965E-2</v>
      </c>
      <c r="P130" s="225">
        <v>193</v>
      </c>
      <c r="Q130" s="229">
        <v>0.87776725586864091</v>
      </c>
      <c r="R130" s="98">
        <v>4.6947945408070187E-2</v>
      </c>
      <c r="S130" s="229">
        <v>6.2158628431352163E-2</v>
      </c>
      <c r="T130" s="98">
        <v>3.5875487071598954E-2</v>
      </c>
      <c r="U130" s="229">
        <v>6.0074115700006911E-2</v>
      </c>
      <c r="V130" s="98">
        <v>3.5394977079693933E-2</v>
      </c>
    </row>
    <row r="131" spans="1:22">
      <c r="A131" s="49" t="s">
        <v>458</v>
      </c>
      <c r="B131" s="227">
        <v>273</v>
      </c>
      <c r="C131" s="230">
        <v>7.2907409736069614E-2</v>
      </c>
      <c r="D131" s="101">
        <v>3.177952824338634E-2</v>
      </c>
      <c r="E131" s="230">
        <v>0.11287586073395389</v>
      </c>
      <c r="F131" s="101">
        <v>3.8056841644486875E-2</v>
      </c>
      <c r="G131" s="230">
        <v>0.81421672952997648</v>
      </c>
      <c r="H131" s="101">
        <v>4.6229129410326489E-2</v>
      </c>
      <c r="I131" s="227">
        <v>271</v>
      </c>
      <c r="J131" s="230">
        <v>0.14303337121792947</v>
      </c>
      <c r="K131" s="101">
        <v>4.1996552481637119E-2</v>
      </c>
      <c r="L131" s="230">
        <v>0.12307405320051655</v>
      </c>
      <c r="M131" s="101">
        <v>3.9560021942980049E-2</v>
      </c>
      <c r="N131" s="230">
        <v>0.73389257558155396</v>
      </c>
      <c r="O131" s="101">
        <v>5.2442579939057217E-2</v>
      </c>
      <c r="P131" s="227">
        <v>272</v>
      </c>
      <c r="Q131" s="230">
        <v>0.80355572247033269</v>
      </c>
      <c r="R131" s="101">
        <v>4.7265738605900366E-2</v>
      </c>
      <c r="S131" s="230">
        <v>2.8653866362136654E-2</v>
      </c>
      <c r="T131" s="101">
        <v>2.1826206000520574E-2</v>
      </c>
      <c r="U131" s="230">
        <v>0.16779041116753066</v>
      </c>
      <c r="V131" s="101">
        <v>4.4584582600930414E-2</v>
      </c>
    </row>
    <row r="132" spans="1:22">
      <c r="A132" s="57" t="s">
        <v>459</v>
      </c>
      <c r="B132" s="225">
        <v>421</v>
      </c>
      <c r="C132" s="229">
        <v>0.13627465671819555</v>
      </c>
      <c r="D132" s="98">
        <v>3.2959613253402957E-2</v>
      </c>
      <c r="E132" s="229">
        <v>0.16804013705560938</v>
      </c>
      <c r="F132" s="98">
        <v>3.5809857370855402E-2</v>
      </c>
      <c r="G132" s="229">
        <v>0.69568520622619512</v>
      </c>
      <c r="H132" s="98">
        <v>4.3819167787874008E-2</v>
      </c>
      <c r="I132" s="225">
        <v>420</v>
      </c>
      <c r="J132" s="229">
        <v>0.20620427413822229</v>
      </c>
      <c r="K132" s="98">
        <v>3.870046000996636E-2</v>
      </c>
      <c r="L132" s="229">
        <v>0.17552097372462511</v>
      </c>
      <c r="M132" s="98">
        <v>3.6456433852573966E-2</v>
      </c>
      <c r="N132" s="229">
        <v>0.61827475213715255</v>
      </c>
      <c r="O132" s="98">
        <v>4.6268019248304842E-2</v>
      </c>
      <c r="P132" s="225">
        <v>421</v>
      </c>
      <c r="Q132" s="229">
        <v>0.73908849174237468</v>
      </c>
      <c r="R132" s="98">
        <v>4.1865768914595404E-2</v>
      </c>
      <c r="S132" s="229">
        <v>7.9487288068081793E-2</v>
      </c>
      <c r="T132" s="98">
        <v>2.6293061717797456E-2</v>
      </c>
      <c r="U132" s="229">
        <v>0.18142422018954357</v>
      </c>
      <c r="V132" s="98">
        <v>3.6872386728340416E-2</v>
      </c>
    </row>
    <row r="133" spans="1:22">
      <c r="A133" s="49" t="s">
        <v>460</v>
      </c>
      <c r="B133" s="227">
        <v>155</v>
      </c>
      <c r="C133" s="230">
        <v>0.11675609747697943</v>
      </c>
      <c r="D133" s="101">
        <v>5.1651580729101462E-2</v>
      </c>
      <c r="E133" s="230">
        <v>7.4956868894444445E-2</v>
      </c>
      <c r="F133" s="101">
        <v>4.3498764018552905E-2</v>
      </c>
      <c r="G133" s="230">
        <v>0.80828703362857612</v>
      </c>
      <c r="H133" s="101">
        <v>6.2113210401524808E-2</v>
      </c>
      <c r="I133" s="227">
        <v>154</v>
      </c>
      <c r="J133" s="230">
        <v>0.14497067172494679</v>
      </c>
      <c r="K133" s="101">
        <v>5.6276294293345817E-2</v>
      </c>
      <c r="L133" s="230">
        <v>6.1712699061006016E-2</v>
      </c>
      <c r="M133" s="101">
        <v>4.0513849523676586E-2</v>
      </c>
      <c r="N133" s="230">
        <v>0.79331662921404722</v>
      </c>
      <c r="O133" s="101">
        <v>6.396261737435939E-2</v>
      </c>
      <c r="P133" s="227">
        <v>155</v>
      </c>
      <c r="Q133" s="230">
        <v>0.79785102261965657</v>
      </c>
      <c r="R133" s="101">
        <v>6.3271575341773675E-2</v>
      </c>
      <c r="S133" s="230">
        <v>2.912853547396518E-2</v>
      </c>
      <c r="T133" s="101">
        <v>3.0812625116043966E-2</v>
      </c>
      <c r="U133" s="230">
        <v>0.17302044190637822</v>
      </c>
      <c r="V133" s="101">
        <v>5.9878203463001059E-2</v>
      </c>
    </row>
  </sheetData>
  <mergeCells count="28">
    <mergeCell ref="A3:D3"/>
    <mergeCell ref="A4:D4"/>
    <mergeCell ref="A5:D5"/>
    <mergeCell ref="A22:V22"/>
    <mergeCell ref="A23:V23"/>
    <mergeCell ref="B24:H24"/>
    <mergeCell ref="I24:O24"/>
    <mergeCell ref="P24:V24"/>
    <mergeCell ref="A41:D41"/>
    <mergeCell ref="A42:D42"/>
    <mergeCell ref="A43:D43"/>
    <mergeCell ref="B62:H62"/>
    <mergeCell ref="I62:O62"/>
    <mergeCell ref="P62:V62"/>
    <mergeCell ref="W62:AC62"/>
    <mergeCell ref="A61:AC61"/>
    <mergeCell ref="A60:AC60"/>
    <mergeCell ref="A79:H79"/>
    <mergeCell ref="A80:H80"/>
    <mergeCell ref="A81:H81"/>
    <mergeCell ref="A98:D98"/>
    <mergeCell ref="A99:D99"/>
    <mergeCell ref="A100:D100"/>
    <mergeCell ref="B119:H119"/>
    <mergeCell ref="I119:O119"/>
    <mergeCell ref="P119:V119"/>
    <mergeCell ref="A118:V118"/>
    <mergeCell ref="A117:V117"/>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266"/>
  <sheetViews>
    <sheetView topLeftCell="A253" workbookViewId="0">
      <selection activeCell="C262" sqref="C262"/>
    </sheetView>
  </sheetViews>
  <sheetFormatPr defaultColWidth="17.5703125" defaultRowHeight="15"/>
  <cols>
    <col min="1" max="1" width="29.7109375" customWidth="1"/>
  </cols>
  <sheetData>
    <row r="1" spans="1:4" ht="31.5">
      <c r="A1" s="33" t="s">
        <v>59</v>
      </c>
    </row>
    <row r="3" spans="1:4" ht="18.75">
      <c r="A3" s="331" t="s">
        <v>58</v>
      </c>
      <c r="B3" s="331"/>
      <c r="C3" s="331"/>
      <c r="D3" s="331"/>
    </row>
    <row r="4" spans="1:4" ht="186" customHeight="1">
      <c r="A4" s="365" t="s">
        <v>407</v>
      </c>
      <c r="B4" s="365"/>
      <c r="C4" s="365"/>
      <c r="D4" s="365"/>
    </row>
    <row r="5" spans="1:4" ht="15.75" customHeight="1">
      <c r="A5" s="333" t="s">
        <v>246</v>
      </c>
      <c r="B5" s="333"/>
      <c r="C5" s="333"/>
      <c r="D5" s="333"/>
    </row>
    <row r="6" spans="1:4" ht="43.5" customHeight="1">
      <c r="A6" s="37" t="s">
        <v>114</v>
      </c>
      <c r="B6" s="38" t="s">
        <v>115</v>
      </c>
      <c r="C6" s="39" t="s">
        <v>116</v>
      </c>
      <c r="D6" s="40" t="s">
        <v>117</v>
      </c>
    </row>
    <row r="7" spans="1:4" ht="72">
      <c r="A7" s="41"/>
      <c r="B7" s="42" t="s">
        <v>118</v>
      </c>
      <c r="C7" s="136" t="s">
        <v>247</v>
      </c>
      <c r="D7" s="44" t="s">
        <v>120</v>
      </c>
    </row>
    <row r="8" spans="1:4">
      <c r="A8" s="45" t="s">
        <v>449</v>
      </c>
      <c r="B8" s="231">
        <v>9453</v>
      </c>
      <c r="C8" s="232">
        <v>4.809817547309593</v>
      </c>
      <c r="D8" s="233">
        <v>4.926284671089487E-2</v>
      </c>
    </row>
    <row r="9" spans="1:4">
      <c r="A9" s="49" t="s">
        <v>450</v>
      </c>
      <c r="B9" s="234">
        <v>2595</v>
      </c>
      <c r="C9" s="235">
        <v>4.8661563683941127</v>
      </c>
      <c r="D9" s="236">
        <v>9.1879646114973568E-2</v>
      </c>
    </row>
    <row r="10" spans="1:4">
      <c r="A10" s="53" t="s">
        <v>451</v>
      </c>
      <c r="B10" s="83">
        <v>206</v>
      </c>
      <c r="C10" s="84">
        <v>5.3948193032581049</v>
      </c>
      <c r="D10" s="85">
        <v>0.25889045262424659</v>
      </c>
    </row>
    <row r="11" spans="1:4">
      <c r="A11" s="49" t="s">
        <v>452</v>
      </c>
      <c r="B11" s="234">
        <v>133</v>
      </c>
      <c r="C11" s="235">
        <v>4.0340151525877639</v>
      </c>
      <c r="D11" s="236">
        <v>0.30796032116301486</v>
      </c>
    </row>
    <row r="12" spans="1:4">
      <c r="A12" s="57" t="s">
        <v>453</v>
      </c>
      <c r="B12" s="231">
        <v>267</v>
      </c>
      <c r="C12" s="232">
        <v>5.3546679655955414</v>
      </c>
      <c r="D12" s="233">
        <v>0.27820707403285816</v>
      </c>
    </row>
    <row r="13" spans="1:4">
      <c r="A13" s="49" t="s">
        <v>454</v>
      </c>
      <c r="B13" s="234">
        <v>546</v>
      </c>
      <c r="C13" s="235">
        <v>4.7190960081777913</v>
      </c>
      <c r="D13" s="236">
        <v>0.20251311556899232</v>
      </c>
    </row>
    <row r="14" spans="1:4">
      <c r="A14" s="57" t="s">
        <v>455</v>
      </c>
      <c r="B14" s="231">
        <v>181</v>
      </c>
      <c r="C14" s="232">
        <v>4.3421230358012384</v>
      </c>
      <c r="D14" s="233">
        <v>0.33954540945359479</v>
      </c>
    </row>
    <row r="15" spans="1:4">
      <c r="A15" s="49" t="s">
        <v>456</v>
      </c>
      <c r="B15" s="234">
        <v>502</v>
      </c>
      <c r="C15" s="235">
        <v>5.0333068323832686</v>
      </c>
      <c r="D15" s="236">
        <v>0.19777867841408536</v>
      </c>
    </row>
    <row r="16" spans="1:4">
      <c r="A16" s="57" t="s">
        <v>457</v>
      </c>
      <c r="B16" s="231">
        <v>167</v>
      </c>
      <c r="C16" s="232">
        <v>5.3297104390157051</v>
      </c>
      <c r="D16" s="233">
        <v>0.31085996472535982</v>
      </c>
    </row>
    <row r="17" spans="1:43">
      <c r="A17" s="49" t="s">
        <v>458</v>
      </c>
      <c r="B17" s="234">
        <v>209</v>
      </c>
      <c r="C17" s="235">
        <v>4.2625266764232599</v>
      </c>
      <c r="D17" s="236">
        <v>0.32764000218651956</v>
      </c>
    </row>
    <row r="18" spans="1:43">
      <c r="A18" s="57" t="s">
        <v>459</v>
      </c>
      <c r="B18" s="231">
        <v>339</v>
      </c>
      <c r="C18" s="232">
        <v>4.8475921342412516</v>
      </c>
      <c r="D18" s="233">
        <v>0.23770754542706651</v>
      </c>
    </row>
    <row r="19" spans="1:43">
      <c r="A19" s="49" t="s">
        <v>460</v>
      </c>
      <c r="B19" s="234">
        <v>132</v>
      </c>
      <c r="C19" s="235">
        <v>4.6325017291420387</v>
      </c>
      <c r="D19" s="236">
        <v>0.3183390566380071</v>
      </c>
    </row>
    <row r="22" spans="1:43" ht="18.75">
      <c r="A22" s="331" t="s">
        <v>60</v>
      </c>
      <c r="B22" s="331"/>
      <c r="C22" s="331"/>
      <c r="D22" s="331"/>
      <c r="E22" s="331"/>
      <c r="F22" s="331"/>
      <c r="G22" s="331"/>
      <c r="H22" s="331"/>
      <c r="I22" s="331"/>
      <c r="J22" s="331"/>
      <c r="K22" s="331"/>
      <c r="L22" s="331"/>
      <c r="M22" s="331"/>
      <c r="N22" s="331"/>
      <c r="O22" s="331"/>
      <c r="P22" s="331"/>
      <c r="Q22" s="331"/>
      <c r="R22" s="331"/>
      <c r="S22" s="331"/>
      <c r="T22" s="331"/>
      <c r="U22" s="331"/>
      <c r="V22" s="331"/>
      <c r="W22" s="331"/>
      <c r="X22" s="331"/>
      <c r="Y22" s="331"/>
      <c r="Z22" s="331"/>
      <c r="AA22" s="331"/>
      <c r="AB22" s="331"/>
      <c r="AC22" s="331"/>
      <c r="AD22" s="331"/>
      <c r="AE22" s="331"/>
      <c r="AF22" s="331"/>
      <c r="AG22" s="331"/>
      <c r="AH22" s="331"/>
      <c r="AI22" s="331"/>
      <c r="AJ22" s="331"/>
      <c r="AK22" s="331"/>
      <c r="AL22" s="331"/>
      <c r="AM22" s="331"/>
      <c r="AN22" s="331"/>
      <c r="AO22" s="331"/>
      <c r="AP22" s="331"/>
      <c r="AQ22" s="331"/>
    </row>
    <row r="23" spans="1:43" ht="60" customHeight="1">
      <c r="A23" s="364" t="s">
        <v>406</v>
      </c>
      <c r="B23" s="365"/>
      <c r="C23" s="365"/>
      <c r="D23" s="365"/>
      <c r="E23" s="365"/>
      <c r="F23" s="365"/>
      <c r="G23" s="365"/>
      <c r="H23" s="365"/>
      <c r="I23" s="365"/>
      <c r="J23" s="365"/>
      <c r="K23" s="365"/>
      <c r="L23" s="365"/>
      <c r="M23" s="365"/>
      <c r="N23" s="365"/>
      <c r="O23" s="365"/>
      <c r="P23" s="365"/>
      <c r="Q23" s="365"/>
      <c r="R23" s="365"/>
      <c r="S23" s="365"/>
      <c r="T23" s="365"/>
      <c r="U23" s="365"/>
      <c r="V23" s="365"/>
      <c r="W23" s="365"/>
      <c r="X23" s="365"/>
      <c r="Y23" s="365"/>
      <c r="Z23" s="365"/>
      <c r="AA23" s="365"/>
      <c r="AB23" s="365"/>
      <c r="AC23" s="365"/>
      <c r="AD23" s="365"/>
      <c r="AE23" s="365"/>
      <c r="AF23" s="365"/>
      <c r="AG23" s="365"/>
      <c r="AH23" s="365"/>
      <c r="AI23" s="365"/>
      <c r="AJ23" s="365"/>
      <c r="AK23" s="365"/>
      <c r="AL23" s="365"/>
      <c r="AM23" s="365"/>
      <c r="AN23" s="365"/>
      <c r="AO23" s="365"/>
      <c r="AP23" s="365"/>
      <c r="AQ23" s="365"/>
    </row>
    <row r="24" spans="1:43" ht="34.5" customHeight="1">
      <c r="A24" s="64"/>
      <c r="B24" s="351" t="s">
        <v>404</v>
      </c>
      <c r="C24" s="351"/>
      <c r="D24" s="351"/>
      <c r="E24" s="351"/>
      <c r="F24" s="351"/>
      <c r="G24" s="351"/>
      <c r="H24" s="351"/>
      <c r="I24" s="351" t="s">
        <v>248</v>
      </c>
      <c r="J24" s="351"/>
      <c r="K24" s="351"/>
      <c r="L24" s="351"/>
      <c r="M24" s="351"/>
      <c r="N24" s="351"/>
      <c r="O24" s="351"/>
      <c r="P24" s="351" t="s">
        <v>249</v>
      </c>
      <c r="Q24" s="351"/>
      <c r="R24" s="351"/>
      <c r="S24" s="351"/>
      <c r="T24" s="351"/>
      <c r="U24" s="351"/>
      <c r="V24" s="351"/>
      <c r="W24" s="351" t="s">
        <v>250</v>
      </c>
      <c r="X24" s="351"/>
      <c r="Y24" s="351"/>
      <c r="Z24" s="351"/>
      <c r="AA24" s="351"/>
      <c r="AB24" s="351"/>
      <c r="AC24" s="351"/>
      <c r="AD24" s="351" t="s">
        <v>405</v>
      </c>
      <c r="AE24" s="351"/>
      <c r="AF24" s="351"/>
      <c r="AG24" s="351"/>
      <c r="AH24" s="351"/>
      <c r="AI24" s="351"/>
      <c r="AJ24" s="351"/>
      <c r="AK24" s="351" t="s">
        <v>251</v>
      </c>
      <c r="AL24" s="351"/>
      <c r="AM24" s="351"/>
      <c r="AN24" s="351"/>
      <c r="AO24" s="351"/>
      <c r="AP24" s="351"/>
      <c r="AQ24" s="351"/>
    </row>
    <row r="25" spans="1:43" ht="40.5" customHeight="1">
      <c r="A25" s="37" t="s">
        <v>114</v>
      </c>
      <c r="B25" s="38" t="s">
        <v>115</v>
      </c>
      <c r="C25" s="38" t="s">
        <v>252</v>
      </c>
      <c r="D25" s="93" t="s">
        <v>253</v>
      </c>
      <c r="E25" s="38" t="s">
        <v>254</v>
      </c>
      <c r="F25" s="93" t="s">
        <v>255</v>
      </c>
      <c r="G25" s="38" t="s">
        <v>256</v>
      </c>
      <c r="H25" s="93" t="s">
        <v>195</v>
      </c>
      <c r="I25" s="65" t="s">
        <v>115</v>
      </c>
      <c r="J25" s="65" t="s">
        <v>252</v>
      </c>
      <c r="K25" s="92" t="s">
        <v>253</v>
      </c>
      <c r="L25" s="65" t="s">
        <v>254</v>
      </c>
      <c r="M25" s="92" t="s">
        <v>255</v>
      </c>
      <c r="N25" s="65" t="s">
        <v>256</v>
      </c>
      <c r="O25" s="92" t="s">
        <v>195</v>
      </c>
      <c r="P25" s="38" t="s">
        <v>115</v>
      </c>
      <c r="Q25" s="38" t="s">
        <v>252</v>
      </c>
      <c r="R25" s="93" t="s">
        <v>253</v>
      </c>
      <c r="S25" s="38" t="s">
        <v>254</v>
      </c>
      <c r="T25" s="93" t="s">
        <v>255</v>
      </c>
      <c r="U25" s="38" t="s">
        <v>256</v>
      </c>
      <c r="V25" s="93" t="s">
        <v>195</v>
      </c>
      <c r="W25" s="65" t="s">
        <v>115</v>
      </c>
      <c r="X25" s="65" t="s">
        <v>252</v>
      </c>
      <c r="Y25" s="92" t="s">
        <v>253</v>
      </c>
      <c r="Z25" s="65" t="s">
        <v>254</v>
      </c>
      <c r="AA25" s="92" t="s">
        <v>255</v>
      </c>
      <c r="AB25" s="65" t="s">
        <v>256</v>
      </c>
      <c r="AC25" s="92" t="s">
        <v>195</v>
      </c>
      <c r="AD25" s="38" t="s">
        <v>115</v>
      </c>
      <c r="AE25" s="38" t="s">
        <v>252</v>
      </c>
      <c r="AF25" s="93" t="s">
        <v>253</v>
      </c>
      <c r="AG25" s="38" t="s">
        <v>254</v>
      </c>
      <c r="AH25" s="93" t="s">
        <v>255</v>
      </c>
      <c r="AI25" s="38" t="s">
        <v>256</v>
      </c>
      <c r="AJ25" s="93" t="s">
        <v>195</v>
      </c>
      <c r="AK25" s="65" t="s">
        <v>115</v>
      </c>
      <c r="AL25" s="65" t="s">
        <v>252</v>
      </c>
      <c r="AM25" s="92" t="s">
        <v>253</v>
      </c>
      <c r="AN25" s="65" t="s">
        <v>254</v>
      </c>
      <c r="AO25" s="92" t="s">
        <v>255</v>
      </c>
      <c r="AP25" s="65" t="s">
        <v>256</v>
      </c>
      <c r="AQ25" s="92" t="s">
        <v>195</v>
      </c>
    </row>
    <row r="26" spans="1:43" ht="72">
      <c r="A26" s="41"/>
      <c r="B26" s="42" t="s">
        <v>118</v>
      </c>
      <c r="C26" s="42" t="s">
        <v>303</v>
      </c>
      <c r="D26" s="95" t="s">
        <v>148</v>
      </c>
      <c r="E26" s="42" t="s">
        <v>304</v>
      </c>
      <c r="F26" s="95" t="s">
        <v>148</v>
      </c>
      <c r="G26" s="42" t="s">
        <v>305</v>
      </c>
      <c r="H26" s="95" t="s">
        <v>148</v>
      </c>
      <c r="I26" s="68" t="s">
        <v>118</v>
      </c>
      <c r="J26" s="68" t="s">
        <v>303</v>
      </c>
      <c r="K26" s="94" t="s">
        <v>148</v>
      </c>
      <c r="L26" s="68" t="s">
        <v>304</v>
      </c>
      <c r="M26" s="94" t="s">
        <v>148</v>
      </c>
      <c r="N26" s="68" t="s">
        <v>305</v>
      </c>
      <c r="O26" s="94" t="s">
        <v>148</v>
      </c>
      <c r="P26" s="42" t="s">
        <v>118</v>
      </c>
      <c r="Q26" s="42" t="s">
        <v>303</v>
      </c>
      <c r="R26" s="95" t="s">
        <v>148</v>
      </c>
      <c r="S26" s="42" t="s">
        <v>304</v>
      </c>
      <c r="T26" s="95" t="s">
        <v>148</v>
      </c>
      <c r="U26" s="42" t="s">
        <v>305</v>
      </c>
      <c r="V26" s="95" t="s">
        <v>148</v>
      </c>
      <c r="W26" s="68" t="s">
        <v>118</v>
      </c>
      <c r="X26" s="68" t="s">
        <v>303</v>
      </c>
      <c r="Y26" s="94" t="s">
        <v>148</v>
      </c>
      <c r="Z26" s="68" t="s">
        <v>304</v>
      </c>
      <c r="AA26" s="94" t="s">
        <v>148</v>
      </c>
      <c r="AB26" s="68" t="s">
        <v>305</v>
      </c>
      <c r="AC26" s="94" t="s">
        <v>148</v>
      </c>
      <c r="AD26" s="42" t="s">
        <v>118</v>
      </c>
      <c r="AE26" s="42" t="s">
        <v>303</v>
      </c>
      <c r="AF26" s="95" t="s">
        <v>148</v>
      </c>
      <c r="AG26" s="42" t="s">
        <v>304</v>
      </c>
      <c r="AH26" s="95" t="s">
        <v>148</v>
      </c>
      <c r="AI26" s="42" t="s">
        <v>305</v>
      </c>
      <c r="AJ26" s="95" t="s">
        <v>148</v>
      </c>
      <c r="AK26" s="68" t="s">
        <v>118</v>
      </c>
      <c r="AL26" s="68" t="s">
        <v>303</v>
      </c>
      <c r="AM26" s="94" t="s">
        <v>148</v>
      </c>
      <c r="AN26" s="68" t="s">
        <v>304</v>
      </c>
      <c r="AO26" s="94" t="s">
        <v>148</v>
      </c>
      <c r="AP26" s="68" t="s">
        <v>305</v>
      </c>
      <c r="AQ26" s="94" t="s">
        <v>148</v>
      </c>
    </row>
    <row r="27" spans="1:43">
      <c r="A27" s="45" t="s">
        <v>449</v>
      </c>
      <c r="B27" s="231">
        <v>12817</v>
      </c>
      <c r="C27" s="237">
        <v>0.1655288439559062</v>
      </c>
      <c r="D27" s="98">
        <v>6.4349817515656467E-3</v>
      </c>
      <c r="E27" s="237">
        <v>8.237909538314811E-2</v>
      </c>
      <c r="F27" s="98">
        <v>4.7626385080342132E-3</v>
      </c>
      <c r="G27" s="237">
        <v>0.75209206066094569</v>
      </c>
      <c r="H27" s="98">
        <v>7.4751861419048177E-3</v>
      </c>
      <c r="I27" s="231">
        <v>9960</v>
      </c>
      <c r="J27" s="237">
        <v>0.42221423489526694</v>
      </c>
      <c r="K27" s="98">
        <v>9.6982503312418155E-3</v>
      </c>
      <c r="L27" s="237">
        <v>0.12434765953571522</v>
      </c>
      <c r="M27" s="98">
        <v>6.4826065521097131E-3</v>
      </c>
      <c r="N27" s="237">
        <v>0.45343810556901781</v>
      </c>
      <c r="O27" s="98">
        <v>9.7750597076905286E-3</v>
      </c>
      <c r="P27" s="231">
        <v>11775</v>
      </c>
      <c r="Q27" s="237">
        <v>0.44274960432471661</v>
      </c>
      <c r="R27" s="98">
        <v>8.9703234491315797E-3</v>
      </c>
      <c r="S27" s="237">
        <v>0.12592127263714373</v>
      </c>
      <c r="T27" s="98">
        <v>5.9939633075205365E-3</v>
      </c>
      <c r="U27" s="237">
        <v>0.43132912303813969</v>
      </c>
      <c r="V27" s="98">
        <v>8.9441604263543802E-3</v>
      </c>
      <c r="W27" s="231">
        <v>11982</v>
      </c>
      <c r="X27" s="237">
        <v>0.13266126708100692</v>
      </c>
      <c r="Y27" s="98">
        <v>6.0751254480915038E-3</v>
      </c>
      <c r="Z27" s="237">
        <v>0.11005759233668513</v>
      </c>
      <c r="AA27" s="98">
        <v>5.6057630823005715E-3</v>
      </c>
      <c r="AB27" s="237">
        <v>0.757281140582308</v>
      </c>
      <c r="AC27" s="98">
        <v>7.6762912858400418E-3</v>
      </c>
      <c r="AD27" s="231">
        <v>11073</v>
      </c>
      <c r="AE27" s="237">
        <v>0.19549564530829819</v>
      </c>
      <c r="AF27" s="98">
        <v>7.3870350303673511E-3</v>
      </c>
      <c r="AG27" s="237">
        <v>0.11651152614907345</v>
      </c>
      <c r="AH27" s="98">
        <v>5.9779707164466572E-3</v>
      </c>
      <c r="AI27" s="237">
        <v>0.68799282854262833</v>
      </c>
      <c r="AJ27" s="98">
        <v>8.6286936677643436E-3</v>
      </c>
      <c r="AK27" s="231">
        <v>8848</v>
      </c>
      <c r="AL27" s="237">
        <v>0.17984702797841162</v>
      </c>
      <c r="AM27" s="98">
        <v>8.0033300955306245E-3</v>
      </c>
      <c r="AN27" s="237">
        <v>0.13081950861772279</v>
      </c>
      <c r="AO27" s="98">
        <v>7.0284840389782709E-3</v>
      </c>
      <c r="AP27" s="237">
        <v>0.68933346340386559</v>
      </c>
      <c r="AQ27" s="98">
        <v>9.6411785848767428E-3</v>
      </c>
    </row>
    <row r="28" spans="1:43">
      <c r="A28" s="49" t="s">
        <v>450</v>
      </c>
      <c r="B28" s="234">
        <v>3581</v>
      </c>
      <c r="C28" s="238">
        <v>0.16076549481347846</v>
      </c>
      <c r="D28" s="101">
        <v>1.2035448195958016E-2</v>
      </c>
      <c r="E28" s="238">
        <v>8.4592163394239542E-2</v>
      </c>
      <c r="F28" s="101">
        <v>9.1318850416374255E-3</v>
      </c>
      <c r="G28" s="238">
        <v>0.75464234179228196</v>
      </c>
      <c r="H28" s="101">
        <v>1.4091311698509528E-2</v>
      </c>
      <c r="I28" s="234">
        <v>2766</v>
      </c>
      <c r="J28" s="238">
        <v>0.38985936138086402</v>
      </c>
      <c r="K28" s="101">
        <v>1.8164234677181666E-2</v>
      </c>
      <c r="L28" s="238">
        <v>0.12705143953657025</v>
      </c>
      <c r="M28" s="101">
        <v>1.2424668593012261E-2</v>
      </c>
      <c r="N28" s="238">
        <v>0.4830891990825657</v>
      </c>
      <c r="O28" s="101">
        <v>1.8609657136327878E-2</v>
      </c>
      <c r="P28" s="234">
        <v>3297</v>
      </c>
      <c r="Q28" s="238">
        <v>0.39425436550862403</v>
      </c>
      <c r="R28" s="101">
        <v>1.6672139508041521E-2</v>
      </c>
      <c r="S28" s="238">
        <v>0.14157091634837918</v>
      </c>
      <c r="T28" s="101">
        <v>1.1907698158350324E-2</v>
      </c>
      <c r="U28" s="238">
        <v>0.46417471814299682</v>
      </c>
      <c r="V28" s="101">
        <v>1.7013292353161156E-2</v>
      </c>
      <c r="W28" s="234">
        <v>3364</v>
      </c>
      <c r="X28" s="238">
        <v>0.13097280170038422</v>
      </c>
      <c r="Y28" s="101">
        <v>1.1410197442636782E-2</v>
      </c>
      <c r="Z28" s="238">
        <v>0.1092372327888084</v>
      </c>
      <c r="AA28" s="101">
        <v>1.0554649702016848E-2</v>
      </c>
      <c r="AB28" s="238">
        <v>0.75978996551080735</v>
      </c>
      <c r="AC28" s="101">
        <v>1.4434539006716946E-2</v>
      </c>
      <c r="AD28" s="234">
        <v>3085</v>
      </c>
      <c r="AE28" s="238">
        <v>0.1643966754614832</v>
      </c>
      <c r="AF28" s="101">
        <v>1.3084406117449033E-2</v>
      </c>
      <c r="AG28" s="238">
        <v>0.12539883810041089</v>
      </c>
      <c r="AH28" s="101">
        <v>1.1698139465094183E-2</v>
      </c>
      <c r="AI28" s="238">
        <v>0.71020448643810585</v>
      </c>
      <c r="AJ28" s="101">
        <v>1.6003142620119669E-2</v>
      </c>
      <c r="AK28" s="234">
        <v>2377</v>
      </c>
      <c r="AL28" s="238">
        <v>0.19518173043348344</v>
      </c>
      <c r="AM28" s="101">
        <v>1.5935864473426944E-2</v>
      </c>
      <c r="AN28" s="238">
        <v>0.12805620605210447</v>
      </c>
      <c r="AO28" s="101">
        <v>1.3449999385281703E-2</v>
      </c>
      <c r="AP28" s="238">
        <v>0.67676206351441215</v>
      </c>
      <c r="AQ28" s="101">
        <v>1.8791421575599883E-2</v>
      </c>
    </row>
    <row r="29" spans="1:43">
      <c r="A29" s="53" t="s">
        <v>451</v>
      </c>
      <c r="B29" s="54">
        <v>285</v>
      </c>
      <c r="C29" s="190">
        <v>8.3080378704081581E-2</v>
      </c>
      <c r="D29" s="98">
        <v>3.2804451024142887E-2</v>
      </c>
      <c r="E29" s="190">
        <v>5.1146670877451832E-2</v>
      </c>
      <c r="F29" s="98">
        <v>2.6809067974385158E-2</v>
      </c>
      <c r="G29" s="190">
        <v>0.86577295041846658</v>
      </c>
      <c r="H29" s="98">
        <v>3.9920418682434268E-2</v>
      </c>
      <c r="I29" s="54">
        <v>211</v>
      </c>
      <c r="J29" s="190">
        <v>0.20245648750312861</v>
      </c>
      <c r="K29" s="98">
        <v>5.42531651607564E-2</v>
      </c>
      <c r="L29" s="190">
        <v>0.16772673218611028</v>
      </c>
      <c r="M29" s="98">
        <v>5.0665389106095693E-2</v>
      </c>
      <c r="N29" s="190">
        <v>0.62981678031076116</v>
      </c>
      <c r="O29" s="98">
        <v>6.4629403687043979E-2</v>
      </c>
      <c r="P29" s="54">
        <v>261</v>
      </c>
      <c r="Q29" s="190">
        <v>0.21177895113698383</v>
      </c>
      <c r="R29" s="98">
        <v>4.9557830753659542E-2</v>
      </c>
      <c r="S29" s="190">
        <v>0.14427549980899956</v>
      </c>
      <c r="T29" s="98">
        <v>4.2950110579364702E-2</v>
      </c>
      <c r="U29" s="190">
        <v>0.64394554905401657</v>
      </c>
      <c r="V29" s="98">
        <v>5.7730201146328645E-2</v>
      </c>
      <c r="W29" s="54">
        <v>274</v>
      </c>
      <c r="X29" s="190">
        <v>9.0010781122965275E-2</v>
      </c>
      <c r="Y29" s="98">
        <v>3.4615552087220197E-2</v>
      </c>
      <c r="Z29" s="190">
        <v>4.6486606492080806E-2</v>
      </c>
      <c r="AA29" s="98">
        <v>2.6338614444587655E-2</v>
      </c>
      <c r="AB29" s="190">
        <v>0.86350261238495396</v>
      </c>
      <c r="AC29" s="98">
        <v>4.0999023763306504E-2</v>
      </c>
      <c r="AD29" s="54">
        <v>233</v>
      </c>
      <c r="AE29" s="190">
        <v>0.13604179879522443</v>
      </c>
      <c r="AF29" s="98">
        <v>4.4463642581658989E-2</v>
      </c>
      <c r="AG29" s="190">
        <v>0.11360476734570865</v>
      </c>
      <c r="AH29" s="98">
        <v>4.1391481394585282E-2</v>
      </c>
      <c r="AI29" s="190">
        <v>0.75035343385906694</v>
      </c>
      <c r="AJ29" s="98">
        <v>5.5410993381317289E-2</v>
      </c>
      <c r="AK29" s="54">
        <v>194</v>
      </c>
      <c r="AL29" s="190">
        <v>0.1548601813310852</v>
      </c>
      <c r="AM29" s="98">
        <v>5.1300544658161355E-2</v>
      </c>
      <c r="AN29" s="190">
        <v>0.12636550020655607</v>
      </c>
      <c r="AO29" s="98">
        <v>4.743692477662572E-2</v>
      </c>
      <c r="AP29" s="190">
        <v>0.71877431846235873</v>
      </c>
      <c r="AQ29" s="98">
        <v>6.2920765881237586E-2</v>
      </c>
    </row>
    <row r="30" spans="1:43">
      <c r="A30" s="49" t="s">
        <v>452</v>
      </c>
      <c r="B30" s="234">
        <v>179</v>
      </c>
      <c r="C30" s="238">
        <v>0.45951693504130664</v>
      </c>
      <c r="D30" s="101">
        <v>7.221614140250511E-2</v>
      </c>
      <c r="E30" s="238">
        <v>8.9783130696765037E-2</v>
      </c>
      <c r="F30" s="101">
        <v>4.3223603708010705E-2</v>
      </c>
      <c r="G30" s="238">
        <v>0.45069993426192834</v>
      </c>
      <c r="H30" s="101">
        <v>7.2105975380034604E-2</v>
      </c>
      <c r="I30" s="234">
        <v>132</v>
      </c>
      <c r="J30" s="238">
        <v>0.58959993161890889</v>
      </c>
      <c r="K30" s="101">
        <v>8.2753468076619929E-2</v>
      </c>
      <c r="L30" s="238">
        <v>0.16125056774398874</v>
      </c>
      <c r="M30" s="101">
        <v>6.3310718479427125E-2</v>
      </c>
      <c r="N30" s="238">
        <v>0.24914950063710239</v>
      </c>
      <c r="O30" s="101">
        <v>7.3398301829156576E-2</v>
      </c>
      <c r="P30" s="234">
        <v>169</v>
      </c>
      <c r="Q30" s="238">
        <v>0.62864202834084326</v>
      </c>
      <c r="R30" s="101">
        <v>7.2116319022863529E-2</v>
      </c>
      <c r="S30" s="238">
        <v>7.7551231273652058E-2</v>
      </c>
      <c r="T30" s="101">
        <v>4.206748275891703E-2</v>
      </c>
      <c r="U30" s="238">
        <v>0.29380674038550464</v>
      </c>
      <c r="V30" s="101">
        <v>6.8194607268474844E-2</v>
      </c>
      <c r="W30" s="234">
        <v>163</v>
      </c>
      <c r="X30" s="238">
        <v>0.16561936968101171</v>
      </c>
      <c r="Y30" s="101">
        <v>5.7450788619885507E-2</v>
      </c>
      <c r="Z30" s="238">
        <v>0.14410804339541292</v>
      </c>
      <c r="AA30" s="101">
        <v>5.4545274463761777E-2</v>
      </c>
      <c r="AB30" s="238">
        <v>0.6902725869235754</v>
      </c>
      <c r="AC30" s="101">
        <v>7.0409527157810001E-2</v>
      </c>
      <c r="AD30" s="234">
        <v>159</v>
      </c>
      <c r="AE30" s="239">
        <v>0.2025799106180721</v>
      </c>
      <c r="AF30" s="101">
        <v>6.2516295123936472E-2</v>
      </c>
      <c r="AG30" s="238">
        <v>0.1049099778692254</v>
      </c>
      <c r="AH30" s="101">
        <v>4.8902752911903116E-2</v>
      </c>
      <c r="AI30" s="238">
        <v>0.69251011151270248</v>
      </c>
      <c r="AJ30" s="101">
        <v>7.1140210432110038E-2</v>
      </c>
      <c r="AK30" s="234">
        <v>109</v>
      </c>
      <c r="AL30" s="238">
        <v>0.32748426612116294</v>
      </c>
      <c r="AM30" s="101">
        <v>8.6934957239851771E-2</v>
      </c>
      <c r="AN30" s="238">
        <v>8.1173696454845082E-2</v>
      </c>
      <c r="AO30" s="101">
        <v>5.4316963206420488E-2</v>
      </c>
      <c r="AP30" s="238">
        <v>0.59134203742399205</v>
      </c>
      <c r="AQ30" s="101">
        <v>9.0747979128926945E-2</v>
      </c>
    </row>
    <row r="31" spans="1:43">
      <c r="A31" s="57" t="s">
        <v>453</v>
      </c>
      <c r="B31" s="231">
        <v>362</v>
      </c>
      <c r="C31" s="237">
        <v>6.4237200120631902E-2</v>
      </c>
      <c r="D31" s="98">
        <v>2.5966526056994871E-2</v>
      </c>
      <c r="E31" s="237">
        <v>8.9494768990206294E-2</v>
      </c>
      <c r="F31" s="98">
        <v>2.9895412746300754E-2</v>
      </c>
      <c r="G31" s="237">
        <v>0.8462680308891618</v>
      </c>
      <c r="H31" s="98">
        <v>3.7321496933955089E-2</v>
      </c>
      <c r="I31" s="231">
        <v>266</v>
      </c>
      <c r="J31" s="237">
        <v>0.23434185697299637</v>
      </c>
      <c r="K31" s="98">
        <v>5.0817596380881763E-2</v>
      </c>
      <c r="L31" s="237">
        <v>0.13426478405417888</v>
      </c>
      <c r="M31" s="98">
        <v>4.1349982241713504E-2</v>
      </c>
      <c r="N31" s="237">
        <v>0.63139335897282478</v>
      </c>
      <c r="O31" s="98">
        <v>5.760749496707742E-2</v>
      </c>
      <c r="P31" s="231">
        <v>324</v>
      </c>
      <c r="Q31" s="237">
        <v>0.27296319053832491</v>
      </c>
      <c r="R31" s="98">
        <v>4.8362901765971467E-2</v>
      </c>
      <c r="S31" s="237">
        <v>0.11163832857048096</v>
      </c>
      <c r="T31" s="98">
        <v>3.4704204760091714E-2</v>
      </c>
      <c r="U31" s="237">
        <v>0.61539848089119409</v>
      </c>
      <c r="V31" s="98">
        <v>5.2686436947942443E-2</v>
      </c>
      <c r="W31" s="231">
        <v>344</v>
      </c>
      <c r="X31" s="237">
        <v>5.1768580914947529E-2</v>
      </c>
      <c r="Y31" s="98">
        <v>2.434308135926929E-2</v>
      </c>
      <c r="Z31" s="237">
        <v>8.4534568003548041E-2</v>
      </c>
      <c r="AA31" s="98">
        <v>2.9964142221658156E-2</v>
      </c>
      <c r="AB31" s="237">
        <v>0.8636968510815044</v>
      </c>
      <c r="AC31" s="98">
        <v>3.6509535834283707E-2</v>
      </c>
      <c r="AD31" s="231">
        <v>322</v>
      </c>
      <c r="AE31" s="237">
        <v>0.1025056381711683</v>
      </c>
      <c r="AF31" s="98">
        <v>3.3608364807246861E-2</v>
      </c>
      <c r="AG31" s="240">
        <v>0.10083995603182573</v>
      </c>
      <c r="AH31" s="98">
        <v>3.3380629840948417E-2</v>
      </c>
      <c r="AI31" s="237">
        <v>0.79665440579700597</v>
      </c>
      <c r="AJ31" s="98">
        <v>4.3980262453483646E-2</v>
      </c>
      <c r="AK31" s="231">
        <v>251</v>
      </c>
      <c r="AL31" s="237">
        <v>0.14620200645177817</v>
      </c>
      <c r="AM31" s="98">
        <v>4.403665829621755E-2</v>
      </c>
      <c r="AN31" s="237">
        <v>8.5786669203193236E-2</v>
      </c>
      <c r="AO31" s="98">
        <v>3.5524212831386889E-2</v>
      </c>
      <c r="AP31" s="237">
        <v>0.76801132434502861</v>
      </c>
      <c r="AQ31" s="98">
        <v>5.21328138499903E-2</v>
      </c>
    </row>
    <row r="32" spans="1:43">
      <c r="A32" s="49" t="s">
        <v>454</v>
      </c>
      <c r="B32" s="234">
        <v>709</v>
      </c>
      <c r="C32" s="238">
        <v>0.18910812550493228</v>
      </c>
      <c r="D32" s="101">
        <v>2.8845221100797364E-2</v>
      </c>
      <c r="E32" s="238">
        <v>9.0867819826204316E-2</v>
      </c>
      <c r="F32" s="101">
        <v>2.1335255403419153E-2</v>
      </c>
      <c r="G32" s="238">
        <v>0.72002405466886343</v>
      </c>
      <c r="H32" s="101">
        <v>3.300105635637697E-2</v>
      </c>
      <c r="I32" s="234">
        <v>565</v>
      </c>
      <c r="J32" s="238">
        <v>0.52299766096801881</v>
      </c>
      <c r="K32" s="101">
        <v>4.1040865934567204E-2</v>
      </c>
      <c r="L32" s="238">
        <v>0.11263877529500683</v>
      </c>
      <c r="M32" s="101">
        <v>2.6249069974935951E-2</v>
      </c>
      <c r="N32" s="238">
        <v>0.36436356373697437</v>
      </c>
      <c r="O32" s="101">
        <v>3.9565196804869425E-2</v>
      </c>
      <c r="P32" s="234">
        <v>653</v>
      </c>
      <c r="Q32" s="238">
        <v>0.46780103640083187</v>
      </c>
      <c r="R32" s="101">
        <v>3.8155044627506837E-2</v>
      </c>
      <c r="S32" s="238">
        <v>0.15802838920280529</v>
      </c>
      <c r="T32" s="101">
        <v>2.8041049791665305E-2</v>
      </c>
      <c r="U32" s="238">
        <v>0.37417057439636292</v>
      </c>
      <c r="V32" s="101">
        <v>3.7018119551566989E-2</v>
      </c>
      <c r="W32" s="234">
        <v>673</v>
      </c>
      <c r="X32" s="238">
        <v>0.14965230981080208</v>
      </c>
      <c r="Y32" s="101">
        <v>2.7024364116115904E-2</v>
      </c>
      <c r="Z32" s="238">
        <v>0.13204887292354986</v>
      </c>
      <c r="AA32" s="101">
        <v>2.5678997754083374E-2</v>
      </c>
      <c r="AB32" s="238">
        <v>0.71829881726564804</v>
      </c>
      <c r="AC32" s="101">
        <v>3.393206926722362E-2</v>
      </c>
      <c r="AD32" s="234">
        <v>616</v>
      </c>
      <c r="AE32" s="238">
        <v>0.1506805378053212</v>
      </c>
      <c r="AF32" s="101">
        <v>2.8331601325695101E-2</v>
      </c>
      <c r="AG32" s="238">
        <v>0.13062494414391507</v>
      </c>
      <c r="AH32" s="101">
        <v>2.6730474352980975E-2</v>
      </c>
      <c r="AI32" s="238">
        <v>0.71869451805076368</v>
      </c>
      <c r="AJ32" s="101">
        <v>3.5447138725896388E-2</v>
      </c>
      <c r="AK32" s="234">
        <v>486</v>
      </c>
      <c r="AL32" s="238">
        <v>0.16469494104948632</v>
      </c>
      <c r="AM32" s="101">
        <v>3.3058812620022367E-2</v>
      </c>
      <c r="AN32" s="238">
        <v>0.13674883577853594</v>
      </c>
      <c r="AO32" s="101">
        <v>3.0697260484417118E-2</v>
      </c>
      <c r="AP32" s="238">
        <v>0.69855622317197774</v>
      </c>
      <c r="AQ32" s="101">
        <v>4.0693206924891999E-2</v>
      </c>
    </row>
    <row r="33" spans="1:43">
      <c r="A33" s="57" t="s">
        <v>455</v>
      </c>
      <c r="B33" s="231">
        <v>219</v>
      </c>
      <c r="C33" s="237">
        <v>0.20486771903370421</v>
      </c>
      <c r="D33" s="98">
        <v>5.3474831342921504E-2</v>
      </c>
      <c r="E33" s="237">
        <v>8.3291226485153941E-2</v>
      </c>
      <c r="F33" s="98">
        <v>3.7705325252619167E-2</v>
      </c>
      <c r="G33" s="237">
        <v>0.71184105448114188</v>
      </c>
      <c r="H33" s="98">
        <v>5.9675172491433344E-2</v>
      </c>
      <c r="I33" s="231">
        <v>186</v>
      </c>
      <c r="J33" s="237">
        <v>0.4319547125857422</v>
      </c>
      <c r="K33" s="98">
        <v>7.046289898374819E-2</v>
      </c>
      <c r="L33" s="237">
        <v>0.21649888406999068</v>
      </c>
      <c r="M33" s="98">
        <v>5.913869192230236E-2</v>
      </c>
      <c r="N33" s="237">
        <v>0.35154640334426712</v>
      </c>
      <c r="O33" s="98">
        <v>6.8027248638103874E-2</v>
      </c>
      <c r="P33" s="231">
        <v>202</v>
      </c>
      <c r="Q33" s="237">
        <v>0.56923951326904043</v>
      </c>
      <c r="R33" s="98">
        <v>6.7647402081173147E-2</v>
      </c>
      <c r="S33" s="237">
        <v>0.12669255911840491</v>
      </c>
      <c r="T33" s="98">
        <v>4.6510746305642933E-2</v>
      </c>
      <c r="U33" s="237">
        <v>0.30406792761255463</v>
      </c>
      <c r="V33" s="98">
        <v>6.3037783892331917E-2</v>
      </c>
      <c r="W33" s="231">
        <v>210</v>
      </c>
      <c r="X33" s="237">
        <v>0.21041269821916128</v>
      </c>
      <c r="Y33" s="98">
        <v>5.5119713708333601E-2</v>
      </c>
      <c r="Z33" s="237">
        <v>0.13364387316453921</v>
      </c>
      <c r="AA33" s="98">
        <v>4.6558554988746954E-2</v>
      </c>
      <c r="AB33" s="237">
        <v>0.65594342861629951</v>
      </c>
      <c r="AC33" s="98">
        <v>6.3776711994190979E-2</v>
      </c>
      <c r="AD33" s="231">
        <v>200</v>
      </c>
      <c r="AE33" s="237">
        <v>0.16211687695309634</v>
      </c>
      <c r="AF33" s="98">
        <v>5.1394960889221089E-2</v>
      </c>
      <c r="AG33" s="237">
        <v>0.2299052185851666</v>
      </c>
      <c r="AH33" s="98">
        <v>5.8201523064079053E-2</v>
      </c>
      <c r="AI33" s="237">
        <v>0.60797790446173705</v>
      </c>
      <c r="AJ33" s="98">
        <v>6.7058255477800296E-2</v>
      </c>
      <c r="AK33" s="231">
        <v>154</v>
      </c>
      <c r="AL33" s="237">
        <v>0.35174664227766256</v>
      </c>
      <c r="AM33" s="98">
        <v>7.4637788284427506E-2</v>
      </c>
      <c r="AN33" s="237">
        <v>0.15790673278345368</v>
      </c>
      <c r="AO33" s="98">
        <v>5.8097533057480409E-2</v>
      </c>
      <c r="AP33" s="237">
        <v>0.49034662493888376</v>
      </c>
      <c r="AQ33" s="98">
        <v>7.7950808366123253E-2</v>
      </c>
    </row>
    <row r="34" spans="1:43">
      <c r="A34" s="49" t="s">
        <v>456</v>
      </c>
      <c r="B34" s="234">
        <v>674</v>
      </c>
      <c r="C34" s="238">
        <v>0.11183536567090664</v>
      </c>
      <c r="D34" s="101">
        <v>2.3934179451974635E-2</v>
      </c>
      <c r="E34" s="238">
        <v>8.8322593962534626E-2</v>
      </c>
      <c r="F34" s="101">
        <v>2.1622661293464095E-2</v>
      </c>
      <c r="G34" s="238">
        <v>0.7998420403665587</v>
      </c>
      <c r="H34" s="101">
        <v>3.021758004806541E-2</v>
      </c>
      <c r="I34" s="234">
        <v>529</v>
      </c>
      <c r="J34" s="238">
        <v>0.33012298263065631</v>
      </c>
      <c r="K34" s="101">
        <v>3.9962366351358809E-2</v>
      </c>
      <c r="L34" s="238">
        <v>0.12412471079963824</v>
      </c>
      <c r="M34" s="101">
        <v>2.8263234113737563E-2</v>
      </c>
      <c r="N34" s="238">
        <v>0.54575230656970541</v>
      </c>
      <c r="O34" s="101">
        <v>4.2273094216374853E-2</v>
      </c>
      <c r="P34" s="234">
        <v>623</v>
      </c>
      <c r="Q34" s="238">
        <v>0.33413476226545941</v>
      </c>
      <c r="R34" s="101">
        <v>3.6950263116691619E-2</v>
      </c>
      <c r="S34" s="238">
        <v>0.14496058060676198</v>
      </c>
      <c r="T34" s="101">
        <v>2.7735182389691703E-2</v>
      </c>
      <c r="U34" s="238">
        <v>0.52090465712777856</v>
      </c>
      <c r="V34" s="101">
        <v>3.9103644117700689E-2</v>
      </c>
      <c r="W34" s="234">
        <v>629</v>
      </c>
      <c r="X34" s="238">
        <v>8.4520808446398435E-2</v>
      </c>
      <c r="Y34" s="101">
        <v>2.1972486880760308E-2</v>
      </c>
      <c r="Z34" s="238">
        <v>0.1201404828317105</v>
      </c>
      <c r="AA34" s="101">
        <v>2.5545130621988869E-2</v>
      </c>
      <c r="AB34" s="238">
        <v>0.79533870872189105</v>
      </c>
      <c r="AC34" s="101">
        <v>3.1536185034112631E-2</v>
      </c>
      <c r="AD34" s="234">
        <v>575</v>
      </c>
      <c r="AE34" s="238">
        <v>0.12584513459990257</v>
      </c>
      <c r="AF34" s="101">
        <v>2.725217213873805E-2</v>
      </c>
      <c r="AG34" s="238">
        <v>0.11163610945346288</v>
      </c>
      <c r="AH34" s="101">
        <v>2.5918796921529569E-2</v>
      </c>
      <c r="AI34" s="238">
        <v>0.76251875594663454</v>
      </c>
      <c r="AJ34" s="101">
        <v>3.4752947213099412E-2</v>
      </c>
      <c r="AK34" s="234">
        <v>450</v>
      </c>
      <c r="AL34" s="238">
        <v>0.20455440596037192</v>
      </c>
      <c r="AM34" s="101">
        <v>3.7279656206816843E-2</v>
      </c>
      <c r="AN34" s="238">
        <v>0.12151976656919079</v>
      </c>
      <c r="AO34" s="101">
        <v>3.0406765095256683E-2</v>
      </c>
      <c r="AP34" s="238">
        <v>0.67392582747043728</v>
      </c>
      <c r="AQ34" s="101">
        <v>4.3173392190592401E-2</v>
      </c>
    </row>
    <row r="35" spans="1:43">
      <c r="A35" s="57" t="s">
        <v>457</v>
      </c>
      <c r="B35" s="231">
        <v>211</v>
      </c>
      <c r="C35" s="237">
        <v>0.17457754112368096</v>
      </c>
      <c r="D35" s="98">
        <v>5.1424917547153552E-2</v>
      </c>
      <c r="E35" s="237">
        <v>7.0288930651688647E-2</v>
      </c>
      <c r="F35" s="98">
        <v>3.5906310301673294E-2</v>
      </c>
      <c r="G35" s="237">
        <v>0.75513352822463042</v>
      </c>
      <c r="H35" s="98">
        <v>5.7851306927964703E-2</v>
      </c>
      <c r="I35" s="231">
        <v>164</v>
      </c>
      <c r="J35" s="237">
        <v>0.29172207901424979</v>
      </c>
      <c r="K35" s="98">
        <v>6.9075256328266471E-2</v>
      </c>
      <c r="L35" s="237">
        <v>0.12717521487317976</v>
      </c>
      <c r="M35" s="98">
        <v>5.1843903241615162E-2</v>
      </c>
      <c r="N35" s="237">
        <v>0.58110270611257042</v>
      </c>
      <c r="O35" s="98">
        <v>7.4654770939023452E-2</v>
      </c>
      <c r="P35" s="231">
        <v>190</v>
      </c>
      <c r="Q35" s="237">
        <v>0.26267923055845832</v>
      </c>
      <c r="R35" s="98">
        <v>6.2295723765918791E-2</v>
      </c>
      <c r="S35" s="237">
        <v>0.2589834014395988</v>
      </c>
      <c r="T35" s="98">
        <v>6.2025629964877774E-2</v>
      </c>
      <c r="U35" s="237">
        <v>0.47833736800194288</v>
      </c>
      <c r="V35" s="98">
        <v>7.0296530521987227E-2</v>
      </c>
      <c r="W35" s="231">
        <v>198</v>
      </c>
      <c r="X35" s="237">
        <v>8.4946137528920218E-2</v>
      </c>
      <c r="Y35" s="98">
        <v>4.0083992462480511E-2</v>
      </c>
      <c r="Z35" s="237">
        <v>7.4745759389289526E-2</v>
      </c>
      <c r="AA35" s="98">
        <v>3.8080282135902678E-2</v>
      </c>
      <c r="AB35" s="237">
        <v>0.84030810308179027</v>
      </c>
      <c r="AC35" s="98">
        <v>5.1365075663189916E-2</v>
      </c>
      <c r="AD35" s="231">
        <v>192</v>
      </c>
      <c r="AE35" s="237">
        <v>0.11238901839370186</v>
      </c>
      <c r="AF35" s="98">
        <v>4.5543592292472922E-2</v>
      </c>
      <c r="AG35" s="237">
        <v>6.8190934835923436E-2</v>
      </c>
      <c r="AH35" s="98">
        <v>3.7323550105864405E-2</v>
      </c>
      <c r="AI35" s="237">
        <v>0.81942004677037472</v>
      </c>
      <c r="AJ35" s="98">
        <v>5.4598706786932988E-2</v>
      </c>
      <c r="AK35" s="231">
        <v>152</v>
      </c>
      <c r="AL35" s="237">
        <v>0.12785160977601703</v>
      </c>
      <c r="AM35" s="98">
        <v>5.4023625823471123E-2</v>
      </c>
      <c r="AN35" s="237">
        <v>5.2594671069944122E-2</v>
      </c>
      <c r="AO35" s="98">
        <v>3.842661168010205E-2</v>
      </c>
      <c r="AP35" s="237">
        <v>0.81955371915403885</v>
      </c>
      <c r="AQ35" s="98">
        <v>6.1392798792960883E-2</v>
      </c>
    </row>
    <row r="36" spans="1:43">
      <c r="A36" s="49" t="s">
        <v>458</v>
      </c>
      <c r="B36" s="234">
        <v>301</v>
      </c>
      <c r="C36" s="238">
        <v>0.14717064158147045</v>
      </c>
      <c r="D36" s="101">
        <v>4.0270657373209541E-2</v>
      </c>
      <c r="E36" s="238">
        <v>8.6867930797524737E-2</v>
      </c>
      <c r="F36" s="101">
        <v>3.2482444033142245E-2</v>
      </c>
      <c r="G36" s="238">
        <v>0.76596142762100483</v>
      </c>
      <c r="H36" s="101">
        <v>4.7761133017892102E-2</v>
      </c>
      <c r="I36" s="234">
        <v>214</v>
      </c>
      <c r="J36" s="238">
        <v>0.48618219666088147</v>
      </c>
      <c r="K36" s="101">
        <v>6.6349546526580566E-2</v>
      </c>
      <c r="L36" s="238">
        <v>4.3774338694961307E-2</v>
      </c>
      <c r="M36" s="101">
        <v>2.9512560530988118E-2</v>
      </c>
      <c r="N36" s="238">
        <v>0.47004346464415719</v>
      </c>
      <c r="O36" s="101">
        <v>6.6259080100137008E-2</v>
      </c>
      <c r="P36" s="234">
        <v>279</v>
      </c>
      <c r="Q36" s="238">
        <v>0.55853506595758318</v>
      </c>
      <c r="R36" s="101">
        <v>5.7865653440129373E-2</v>
      </c>
      <c r="S36" s="238">
        <v>7.607015191953187E-2</v>
      </c>
      <c r="T36" s="101">
        <v>3.1977227101722537E-2</v>
      </c>
      <c r="U36" s="238">
        <v>0.36539478212288506</v>
      </c>
      <c r="V36" s="101">
        <v>5.6165751313777781E-2</v>
      </c>
      <c r="W36" s="234">
        <v>271</v>
      </c>
      <c r="X36" s="238">
        <v>0.24318287933264562</v>
      </c>
      <c r="Y36" s="101">
        <v>5.096681216093938E-2</v>
      </c>
      <c r="Z36" s="238">
        <v>0.13411909308872538</v>
      </c>
      <c r="AA36" s="101">
        <v>4.09425879458509E-2</v>
      </c>
      <c r="AB36" s="238">
        <v>0.62269802757862891</v>
      </c>
      <c r="AC36" s="101">
        <v>5.7342216107485966E-2</v>
      </c>
      <c r="AD36" s="234">
        <v>239</v>
      </c>
      <c r="AE36" s="238">
        <v>0.45354722370151535</v>
      </c>
      <c r="AF36" s="101">
        <v>6.2604021323389186E-2</v>
      </c>
      <c r="AG36" s="238">
        <v>0.17511439725140268</v>
      </c>
      <c r="AH36" s="101">
        <v>4.8353805008361048E-2</v>
      </c>
      <c r="AI36" s="238">
        <v>0.371338379047082</v>
      </c>
      <c r="AJ36" s="101">
        <v>6.0820292622542176E-2</v>
      </c>
      <c r="AK36" s="234">
        <v>186</v>
      </c>
      <c r="AL36" s="238">
        <v>0.31024323041566987</v>
      </c>
      <c r="AM36" s="101">
        <v>6.6007817135566124E-2</v>
      </c>
      <c r="AN36" s="238">
        <v>9.3575363155927349E-2</v>
      </c>
      <c r="AO36" s="101">
        <v>4.3059186100794844E-2</v>
      </c>
      <c r="AP36" s="238">
        <v>0.59618140642840278</v>
      </c>
      <c r="AQ36" s="101">
        <v>6.9824685562537209E-2</v>
      </c>
    </row>
    <row r="37" spans="1:43">
      <c r="A37" s="57" t="s">
        <v>459</v>
      </c>
      <c r="B37" s="231">
        <v>464</v>
      </c>
      <c r="C37" s="237">
        <v>0.20302271369790387</v>
      </c>
      <c r="D37" s="98">
        <v>3.6612869608122149E-2</v>
      </c>
      <c r="E37" s="237">
        <v>8.5635619506979038E-2</v>
      </c>
      <c r="F37" s="98">
        <v>2.5821234246564025E-2</v>
      </c>
      <c r="G37" s="237">
        <v>0.71134166679511712</v>
      </c>
      <c r="H37" s="98">
        <v>4.1130767752468565E-2</v>
      </c>
      <c r="I37" s="231">
        <v>357</v>
      </c>
      <c r="J37" s="237">
        <v>0.4162389507254613</v>
      </c>
      <c r="K37" s="98">
        <v>5.0866226155462393E-2</v>
      </c>
      <c r="L37" s="237">
        <v>0.12965491978279298</v>
      </c>
      <c r="M37" s="98">
        <v>3.5114186563160142E-2</v>
      </c>
      <c r="N37" s="237">
        <v>0.45410612949174572</v>
      </c>
      <c r="O37" s="98">
        <v>5.1366020130624662E-2</v>
      </c>
      <c r="P37" s="231">
        <v>436</v>
      </c>
      <c r="Q37" s="237">
        <v>0.39870966327780427</v>
      </c>
      <c r="R37" s="98">
        <v>4.576867649903886E-2</v>
      </c>
      <c r="S37" s="237">
        <v>0.15867791173963486</v>
      </c>
      <c r="T37" s="98">
        <v>3.4409001308603256E-2</v>
      </c>
      <c r="U37" s="237">
        <v>0.44261242498256087</v>
      </c>
      <c r="V37" s="98">
        <v>4.6416526097740628E-2</v>
      </c>
      <c r="W37" s="231">
        <v>432</v>
      </c>
      <c r="X37" s="237">
        <v>0.15835428426953899</v>
      </c>
      <c r="Y37" s="98">
        <v>3.454126988078713E-2</v>
      </c>
      <c r="Z37" s="237">
        <v>9.183341728978768E-2</v>
      </c>
      <c r="AA37" s="98">
        <v>2.7597992146161227E-2</v>
      </c>
      <c r="AB37" s="237">
        <v>0.74981229844067332</v>
      </c>
      <c r="AC37" s="98">
        <v>4.0779084715893414E-2</v>
      </c>
      <c r="AD37" s="231">
        <v>391</v>
      </c>
      <c r="AE37" s="237">
        <v>0.14611984850264692</v>
      </c>
      <c r="AF37" s="98">
        <v>3.5185087106311214E-2</v>
      </c>
      <c r="AG37" s="237">
        <v>0.12839120372157586</v>
      </c>
      <c r="AH37" s="98">
        <v>3.3397924124196184E-2</v>
      </c>
      <c r="AI37" s="237">
        <v>0.72548894777577722</v>
      </c>
      <c r="AJ37" s="98">
        <v>4.412321042536204E-2</v>
      </c>
      <c r="AK37" s="231">
        <v>275</v>
      </c>
      <c r="AL37" s="237">
        <v>0.1345845751783121</v>
      </c>
      <c r="AM37" s="98">
        <v>4.069469976856295E-2</v>
      </c>
      <c r="AN37" s="237">
        <v>0.20170311704775107</v>
      </c>
      <c r="AO37" s="98">
        <v>4.7455006990035825E-2</v>
      </c>
      <c r="AP37" s="237">
        <v>0.66371230777393686</v>
      </c>
      <c r="AQ37" s="98">
        <v>5.5531632329400331E-2</v>
      </c>
    </row>
    <row r="38" spans="1:43">
      <c r="A38" s="49" t="s">
        <v>460</v>
      </c>
      <c r="B38" s="234">
        <v>166</v>
      </c>
      <c r="C38" s="238">
        <v>0.15893323692733971</v>
      </c>
      <c r="D38" s="101">
        <v>5.6062056819105574E-2</v>
      </c>
      <c r="E38" s="238">
        <v>0.14135149975698821</v>
      </c>
      <c r="F38" s="101">
        <v>5.3645891806471543E-2</v>
      </c>
      <c r="G38" s="238">
        <v>0.69971526331567202</v>
      </c>
      <c r="H38" s="101">
        <v>6.9209786225381584E-2</v>
      </c>
      <c r="I38" s="234">
        <v>136</v>
      </c>
      <c r="J38" s="238">
        <v>0.47441605288984573</v>
      </c>
      <c r="K38" s="101">
        <v>8.2722736428122445E-2</v>
      </c>
      <c r="L38" s="238">
        <v>0.12818355232213632</v>
      </c>
      <c r="M38" s="101">
        <v>5.7272722067789231E-2</v>
      </c>
      <c r="N38" s="238">
        <v>0.39740039478801792</v>
      </c>
      <c r="O38" s="101">
        <v>8.1162910024039234E-2</v>
      </c>
      <c r="P38" s="234">
        <v>153</v>
      </c>
      <c r="Q38" s="238">
        <v>0.43035939338091544</v>
      </c>
      <c r="R38" s="101">
        <v>7.7488697066833645E-2</v>
      </c>
      <c r="S38" s="238">
        <v>0.1590543952274899</v>
      </c>
      <c r="T38" s="101">
        <v>5.8446029578591518E-2</v>
      </c>
      <c r="U38" s="238">
        <v>0.41058621139159457</v>
      </c>
      <c r="V38" s="101">
        <v>7.7015679249156116E-2</v>
      </c>
      <c r="W38" s="234">
        <v>159</v>
      </c>
      <c r="X38" s="238">
        <v>0.1850465471609298</v>
      </c>
      <c r="Y38" s="101">
        <v>6.0559924723265511E-2</v>
      </c>
      <c r="Z38" s="238">
        <v>0.23341705213507244</v>
      </c>
      <c r="AA38" s="101">
        <v>6.5561560104998515E-2</v>
      </c>
      <c r="AB38" s="238">
        <v>0.58153640070399781</v>
      </c>
      <c r="AC38" s="101">
        <v>7.5782156077657079E-2</v>
      </c>
      <c r="AD38" s="234">
        <v>149</v>
      </c>
      <c r="AE38" s="238">
        <v>0.15244569641532926</v>
      </c>
      <c r="AF38" s="101">
        <v>5.8315362266418334E-2</v>
      </c>
      <c r="AG38" s="238">
        <v>0.1146798312592779</v>
      </c>
      <c r="AH38" s="101">
        <v>5.2360285747747412E-2</v>
      </c>
      <c r="AI38" s="238">
        <v>0.73287447232539282</v>
      </c>
      <c r="AJ38" s="101">
        <v>7.0609800237627265E-2</v>
      </c>
      <c r="AK38" s="234">
        <v>112</v>
      </c>
      <c r="AL38" s="238">
        <v>0.38759361711682866</v>
      </c>
      <c r="AM38" s="101">
        <v>8.8821326916925736E-2</v>
      </c>
      <c r="AN38" s="238">
        <v>9.7442030045015102E-2</v>
      </c>
      <c r="AO38" s="101">
        <v>5.723900512146423E-2</v>
      </c>
      <c r="AP38" s="238">
        <v>0.51496435283815623</v>
      </c>
      <c r="AQ38" s="101">
        <v>9.0952718321484605E-2</v>
      </c>
    </row>
    <row r="41" spans="1:43" ht="18.75">
      <c r="A41" s="331" t="s">
        <v>61</v>
      </c>
      <c r="B41" s="331"/>
      <c r="C41" s="331"/>
      <c r="D41" s="331"/>
    </row>
    <row r="42" spans="1:43" ht="115.5" customHeight="1">
      <c r="A42" s="365" t="s">
        <v>257</v>
      </c>
      <c r="B42" s="365"/>
      <c r="C42" s="365"/>
      <c r="D42" s="365"/>
    </row>
    <row r="43" spans="1:43" ht="34.5" customHeight="1">
      <c r="A43" s="333" t="s">
        <v>258</v>
      </c>
      <c r="B43" s="333"/>
      <c r="C43" s="333"/>
      <c r="D43" s="333"/>
    </row>
    <row r="44" spans="1:43" ht="36" customHeight="1">
      <c r="A44" s="37" t="s">
        <v>114</v>
      </c>
      <c r="B44" s="38" t="s">
        <v>115</v>
      </c>
      <c r="C44" s="39" t="s">
        <v>116</v>
      </c>
      <c r="D44" s="40" t="s">
        <v>117</v>
      </c>
    </row>
    <row r="45" spans="1:43" ht="72">
      <c r="A45" s="41"/>
      <c r="B45" s="42" t="s">
        <v>118</v>
      </c>
      <c r="C45" s="136" t="s">
        <v>247</v>
      </c>
      <c r="D45" s="44" t="s">
        <v>120</v>
      </c>
    </row>
    <row r="46" spans="1:43">
      <c r="A46" s="45" t="s">
        <v>449</v>
      </c>
      <c r="B46" s="241">
        <v>11796</v>
      </c>
      <c r="C46" s="242">
        <v>3.8479103026377448</v>
      </c>
      <c r="D46" s="139">
        <v>4.664202237176962E-2</v>
      </c>
    </row>
    <row r="47" spans="1:43">
      <c r="A47" s="49" t="s">
        <v>450</v>
      </c>
      <c r="B47" s="243">
        <v>3322</v>
      </c>
      <c r="C47" s="244">
        <v>3.8271995758729642</v>
      </c>
      <c r="D47" s="143">
        <v>9.2564669142754408E-2</v>
      </c>
    </row>
    <row r="48" spans="1:43">
      <c r="A48" s="53" t="s">
        <v>451</v>
      </c>
      <c r="B48" s="83">
        <v>277</v>
      </c>
      <c r="C48" s="84">
        <v>3.9747516854413258</v>
      </c>
      <c r="D48" s="85">
        <v>0.26362118860103045</v>
      </c>
    </row>
    <row r="49" spans="1:15">
      <c r="A49" s="49" t="s">
        <v>452</v>
      </c>
      <c r="B49" s="243">
        <v>175</v>
      </c>
      <c r="C49" s="244">
        <v>3.7116931104806707</v>
      </c>
      <c r="D49" s="143">
        <v>0.27762578946035843</v>
      </c>
    </row>
    <row r="50" spans="1:15">
      <c r="A50" s="57" t="s">
        <v>453</v>
      </c>
      <c r="B50" s="241">
        <v>349</v>
      </c>
      <c r="C50" s="242">
        <v>3.1746357288401277</v>
      </c>
      <c r="D50" s="139">
        <v>0.28411039402927019</v>
      </c>
    </row>
    <row r="51" spans="1:15">
      <c r="A51" s="49" t="s">
        <v>454</v>
      </c>
      <c r="B51" s="243">
        <v>680</v>
      </c>
      <c r="C51" s="244">
        <v>3.6076610122599124</v>
      </c>
      <c r="D51" s="143">
        <v>0.20874893961853003</v>
      </c>
    </row>
    <row r="52" spans="1:15">
      <c r="A52" s="57" t="s">
        <v>455</v>
      </c>
      <c r="B52" s="241">
        <v>209</v>
      </c>
      <c r="C52" s="242">
        <v>3.6613970355949315</v>
      </c>
      <c r="D52" s="139">
        <v>0.3575112578124382</v>
      </c>
    </row>
    <row r="53" spans="1:15">
      <c r="A53" s="49" t="s">
        <v>456</v>
      </c>
      <c r="B53" s="243">
        <v>649</v>
      </c>
      <c r="C53" s="244">
        <v>4.2199507318384093</v>
      </c>
      <c r="D53" s="143">
        <v>0.19964490241791033</v>
      </c>
    </row>
    <row r="54" spans="1:15">
      <c r="A54" s="57" t="s">
        <v>457</v>
      </c>
      <c r="B54" s="241">
        <v>199</v>
      </c>
      <c r="C54" s="242">
        <v>3.9309783527480522</v>
      </c>
      <c r="D54" s="139">
        <v>0.36378627597175184</v>
      </c>
    </row>
    <row r="55" spans="1:15">
      <c r="A55" s="49" t="s">
        <v>458</v>
      </c>
      <c r="B55" s="243">
        <v>291</v>
      </c>
      <c r="C55" s="244">
        <v>3.5626412773452487</v>
      </c>
      <c r="D55" s="143">
        <v>0.39013330126550505</v>
      </c>
    </row>
    <row r="56" spans="1:15">
      <c r="A56" s="57" t="s">
        <v>459</v>
      </c>
      <c r="B56" s="241">
        <v>449</v>
      </c>
      <c r="C56" s="242">
        <v>4.1086700351169929</v>
      </c>
      <c r="D56" s="139">
        <v>0.22872099919120048</v>
      </c>
    </row>
    <row r="57" spans="1:15">
      <c r="A57" s="49" t="s">
        <v>460</v>
      </c>
      <c r="B57" s="243">
        <v>157</v>
      </c>
      <c r="C57" s="244">
        <v>3.2381042068326158</v>
      </c>
      <c r="D57" s="143">
        <v>0.52870364026380301</v>
      </c>
    </row>
    <row r="60" spans="1:15" ht="18.75">
      <c r="A60" s="331" t="s">
        <v>62</v>
      </c>
      <c r="B60" s="331"/>
      <c r="C60" s="331"/>
      <c r="D60" s="331"/>
      <c r="E60" s="331"/>
      <c r="F60" s="331"/>
      <c r="G60" s="331"/>
      <c r="H60" s="331"/>
      <c r="I60" s="331"/>
      <c r="J60" s="331"/>
      <c r="K60" s="331"/>
      <c r="L60" s="331"/>
      <c r="M60" s="331"/>
      <c r="N60" s="331"/>
      <c r="O60" s="331"/>
    </row>
    <row r="61" spans="1:15" ht="56.25" customHeight="1">
      <c r="A61" s="364" t="s">
        <v>259</v>
      </c>
      <c r="B61" s="364"/>
      <c r="C61" s="364"/>
      <c r="D61" s="364"/>
      <c r="E61" s="364"/>
      <c r="F61" s="364"/>
      <c r="G61" s="364"/>
      <c r="H61" s="364"/>
      <c r="I61" s="364"/>
      <c r="J61" s="364"/>
      <c r="K61" s="364"/>
      <c r="L61" s="364"/>
      <c r="M61" s="364"/>
      <c r="N61" s="364"/>
      <c r="O61" s="364"/>
    </row>
    <row r="62" spans="1:15" ht="36" customHeight="1">
      <c r="A62" s="64"/>
      <c r="B62" s="351" t="s">
        <v>260</v>
      </c>
      <c r="C62" s="351"/>
      <c r="D62" s="351"/>
      <c r="E62" s="351"/>
      <c r="F62" s="351"/>
      <c r="G62" s="351"/>
      <c r="H62" s="351"/>
      <c r="I62" s="351" t="s">
        <v>261</v>
      </c>
      <c r="J62" s="351"/>
      <c r="K62" s="351"/>
      <c r="L62" s="351"/>
      <c r="M62" s="351"/>
      <c r="N62" s="351"/>
      <c r="O62" s="351"/>
    </row>
    <row r="63" spans="1:15" ht="41.25" customHeight="1">
      <c r="A63" s="37" t="s">
        <v>114</v>
      </c>
      <c r="B63" s="38" t="s">
        <v>115</v>
      </c>
      <c r="C63" s="38" t="s">
        <v>252</v>
      </c>
      <c r="D63" s="93" t="s">
        <v>253</v>
      </c>
      <c r="E63" s="38" t="s">
        <v>254</v>
      </c>
      <c r="F63" s="93" t="s">
        <v>255</v>
      </c>
      <c r="G63" s="38" t="s">
        <v>256</v>
      </c>
      <c r="H63" s="93" t="s">
        <v>195</v>
      </c>
      <c r="I63" s="65" t="s">
        <v>115</v>
      </c>
      <c r="J63" s="65" t="s">
        <v>252</v>
      </c>
      <c r="K63" s="92" t="s">
        <v>253</v>
      </c>
      <c r="L63" s="65" t="s">
        <v>254</v>
      </c>
      <c r="M63" s="92" t="s">
        <v>255</v>
      </c>
      <c r="N63" s="65" t="s">
        <v>256</v>
      </c>
      <c r="O63" s="92" t="s">
        <v>195</v>
      </c>
    </row>
    <row r="64" spans="1:15" ht="72">
      <c r="A64" s="41"/>
      <c r="B64" s="42" t="s">
        <v>118</v>
      </c>
      <c r="C64" s="42" t="s">
        <v>303</v>
      </c>
      <c r="D64" s="95" t="s">
        <v>148</v>
      </c>
      <c r="E64" s="42" t="s">
        <v>304</v>
      </c>
      <c r="F64" s="95" t="s">
        <v>148</v>
      </c>
      <c r="G64" s="42" t="s">
        <v>305</v>
      </c>
      <c r="H64" s="95" t="s">
        <v>148</v>
      </c>
      <c r="I64" s="68" t="s">
        <v>118</v>
      </c>
      <c r="J64" s="68" t="s">
        <v>303</v>
      </c>
      <c r="K64" s="94" t="s">
        <v>148</v>
      </c>
      <c r="L64" s="68" t="s">
        <v>304</v>
      </c>
      <c r="M64" s="94" t="s">
        <v>148</v>
      </c>
      <c r="N64" s="68" t="s">
        <v>305</v>
      </c>
      <c r="O64" s="94" t="s">
        <v>148</v>
      </c>
    </row>
    <row r="65" spans="1:15" ht="14.25" customHeight="1">
      <c r="A65" s="45" t="s">
        <v>449</v>
      </c>
      <c r="B65" s="241">
        <v>12740</v>
      </c>
      <c r="C65" s="245">
        <v>0.32984722597937882</v>
      </c>
      <c r="D65" s="98">
        <v>8.1632738909301356E-3</v>
      </c>
      <c r="E65" s="245">
        <v>0.1670380599847742</v>
      </c>
      <c r="F65" s="98">
        <v>6.4778674575269131E-3</v>
      </c>
      <c r="G65" s="245">
        <v>0.50311471403584695</v>
      </c>
      <c r="H65" s="98">
        <v>8.6809003893529649E-3</v>
      </c>
      <c r="I65" s="241">
        <v>12323</v>
      </c>
      <c r="J65" s="245">
        <v>0.55284484735511197</v>
      </c>
      <c r="K65" s="98">
        <v>8.7772752534187488E-3</v>
      </c>
      <c r="L65" s="245">
        <v>0.1268786299299921</v>
      </c>
      <c r="M65" s="98">
        <v>5.878085838663726E-3</v>
      </c>
      <c r="N65" s="245">
        <v>0.32027652271489598</v>
      </c>
      <c r="O65" s="98">
        <v>8.2371498328531623E-3</v>
      </c>
    </row>
    <row r="66" spans="1:15" ht="14.25" customHeight="1">
      <c r="A66" s="49" t="s">
        <v>450</v>
      </c>
      <c r="B66" s="243">
        <v>3567</v>
      </c>
      <c r="C66" s="246">
        <v>0.39939392295502724</v>
      </c>
      <c r="D66" s="101">
        <v>1.606487118250453E-2</v>
      </c>
      <c r="E66" s="246">
        <v>0.16030691988129381</v>
      </c>
      <c r="F66" s="101">
        <v>1.2045198277946621E-2</v>
      </c>
      <c r="G66" s="246">
        <v>0.44029915716367901</v>
      </c>
      <c r="H66" s="101">
        <v>1.628246245708536E-2</v>
      </c>
      <c r="I66" s="243">
        <v>3483</v>
      </c>
      <c r="J66" s="246">
        <v>0.50811375810337456</v>
      </c>
      <c r="K66" s="101">
        <v>1.6593692724842218E-2</v>
      </c>
      <c r="L66" s="246">
        <v>0.13043189012927858</v>
      </c>
      <c r="M66" s="101">
        <v>1.1193671156263229E-2</v>
      </c>
      <c r="N66" s="246">
        <v>0.36145435176734686</v>
      </c>
      <c r="O66" s="101">
        <v>1.5947558550634337E-2</v>
      </c>
    </row>
    <row r="67" spans="1:15" ht="14.25" customHeight="1">
      <c r="A67" s="53" t="s">
        <v>451</v>
      </c>
      <c r="B67" s="54">
        <v>284</v>
      </c>
      <c r="C67" s="190">
        <v>0.40470117993912608</v>
      </c>
      <c r="D67" s="98">
        <v>5.6717915331123213E-2</v>
      </c>
      <c r="E67" s="190">
        <v>8.6669296491145242E-2</v>
      </c>
      <c r="F67" s="98">
        <v>3.3447538718183165E-2</v>
      </c>
      <c r="G67" s="190">
        <v>0.50862952356972868</v>
      </c>
      <c r="H67" s="98">
        <v>5.7738689746846379E-2</v>
      </c>
      <c r="I67" s="54">
        <v>279</v>
      </c>
      <c r="J67" s="190">
        <v>0.48375617780639407</v>
      </c>
      <c r="K67" s="98">
        <v>5.8225065960105418E-2</v>
      </c>
      <c r="L67" s="190">
        <v>0.14414553348302916</v>
      </c>
      <c r="M67" s="98">
        <v>4.1507954546354767E-2</v>
      </c>
      <c r="N67" s="190">
        <v>0.37209828871057676</v>
      </c>
      <c r="O67" s="98">
        <v>5.6372054346387257E-2</v>
      </c>
    </row>
    <row r="68" spans="1:15" ht="14.25" customHeight="1">
      <c r="A68" s="49" t="s">
        <v>452</v>
      </c>
      <c r="B68" s="243">
        <v>179</v>
      </c>
      <c r="C68" s="246">
        <v>0.40491760044225056</v>
      </c>
      <c r="D68" s="101">
        <v>7.11794113941219E-2</v>
      </c>
      <c r="E68" s="246">
        <v>0.14402498904493788</v>
      </c>
      <c r="F68" s="101">
        <v>5.1990313090968347E-2</v>
      </c>
      <c r="G68" s="246">
        <v>0.45105741051281156</v>
      </c>
      <c r="H68" s="101">
        <v>7.2110866364024043E-2</v>
      </c>
      <c r="I68" s="243">
        <v>177</v>
      </c>
      <c r="J68" s="246">
        <v>0.54001075826273981</v>
      </c>
      <c r="K68" s="101">
        <v>7.2619455676924349E-2</v>
      </c>
      <c r="L68" s="246">
        <v>0.12370415160661281</v>
      </c>
      <c r="M68" s="101">
        <v>4.931642897122665E-2</v>
      </c>
      <c r="N68" s="246">
        <v>0.33628509013064739</v>
      </c>
      <c r="O68" s="101">
        <v>6.900780172876142E-2</v>
      </c>
    </row>
    <row r="69" spans="1:15" ht="14.25" customHeight="1">
      <c r="A69" s="57" t="s">
        <v>453</v>
      </c>
      <c r="B69" s="241">
        <v>358</v>
      </c>
      <c r="C69" s="245">
        <v>0.6236645830566323</v>
      </c>
      <c r="D69" s="98">
        <v>4.9943112331715396E-2</v>
      </c>
      <c r="E69" s="245">
        <v>0.17313734159537628</v>
      </c>
      <c r="F69" s="98">
        <v>3.9295831506908012E-2</v>
      </c>
      <c r="G69" s="245">
        <v>0.20319807534799142</v>
      </c>
      <c r="H69" s="98">
        <v>4.169825642691604E-2</v>
      </c>
      <c r="I69" s="241">
        <v>354</v>
      </c>
      <c r="J69" s="245">
        <v>0.54540019009601681</v>
      </c>
      <c r="K69" s="98">
        <v>5.1585415860355234E-2</v>
      </c>
      <c r="L69" s="245">
        <v>0.15114762599080303</v>
      </c>
      <c r="M69" s="98">
        <v>3.7493907938289626E-2</v>
      </c>
      <c r="N69" s="245">
        <v>0.30345218391318013</v>
      </c>
      <c r="O69" s="98">
        <v>4.7721631361030928E-2</v>
      </c>
    </row>
    <row r="70" spans="1:15" ht="14.25" customHeight="1">
      <c r="A70" s="49" t="s">
        <v>454</v>
      </c>
      <c r="B70" s="243">
        <v>712</v>
      </c>
      <c r="C70" s="246">
        <v>0.41208339471102273</v>
      </c>
      <c r="D70" s="101">
        <v>3.6060119075187316E-2</v>
      </c>
      <c r="E70" s="246">
        <v>0.1807630324753921</v>
      </c>
      <c r="F70" s="101">
        <v>2.8295529481302709E-2</v>
      </c>
      <c r="G70" s="246">
        <v>0.40715357281358511</v>
      </c>
      <c r="H70" s="101">
        <v>3.5994502725254854E-2</v>
      </c>
      <c r="I70" s="243">
        <v>686</v>
      </c>
      <c r="J70" s="246">
        <v>0.5995698349306029</v>
      </c>
      <c r="K70" s="101">
        <v>3.6569451352506346E-2</v>
      </c>
      <c r="L70" s="246">
        <v>0.11430917311713325</v>
      </c>
      <c r="M70" s="101">
        <v>2.3942564487198632E-2</v>
      </c>
      <c r="N70" s="246">
        <v>0.28612099195226387</v>
      </c>
      <c r="O70" s="101">
        <v>3.3766043342893515E-2</v>
      </c>
    </row>
    <row r="71" spans="1:15" ht="14.25" customHeight="1">
      <c r="A71" s="57" t="s">
        <v>455</v>
      </c>
      <c r="B71" s="241">
        <v>215</v>
      </c>
      <c r="C71" s="245">
        <v>0.37983838185190127</v>
      </c>
      <c r="D71" s="98">
        <v>6.4352751452415632E-2</v>
      </c>
      <c r="E71" s="245">
        <v>0.17866044177695825</v>
      </c>
      <c r="F71" s="98">
        <v>5.1377289341446634E-2</v>
      </c>
      <c r="G71" s="245">
        <v>0.4415011763711405</v>
      </c>
      <c r="H71" s="98">
        <v>6.5783978172949301E-2</v>
      </c>
      <c r="I71" s="241">
        <v>214</v>
      </c>
      <c r="J71" s="245">
        <v>0.62478320287985856</v>
      </c>
      <c r="K71" s="98">
        <v>6.4351315392229463E-2</v>
      </c>
      <c r="L71" s="245">
        <v>8.0072392231578762E-2</v>
      </c>
      <c r="M71" s="98">
        <v>3.7563823118124909E-2</v>
      </c>
      <c r="N71" s="245">
        <v>0.29514440488856269</v>
      </c>
      <c r="O71" s="98">
        <v>6.0769002679116058E-2</v>
      </c>
    </row>
    <row r="72" spans="1:15" ht="14.25" customHeight="1">
      <c r="A72" s="49" t="s">
        <v>456</v>
      </c>
      <c r="B72" s="243">
        <v>670</v>
      </c>
      <c r="C72" s="246">
        <v>0.28618365545773283</v>
      </c>
      <c r="D72" s="101">
        <v>3.4167729592660318E-2</v>
      </c>
      <c r="E72" s="246">
        <v>0.17068339846461925</v>
      </c>
      <c r="F72" s="101">
        <v>2.8532636713490812E-2</v>
      </c>
      <c r="G72" s="246">
        <v>0.54313294607764795</v>
      </c>
      <c r="H72" s="101">
        <v>3.7609138349819972E-2</v>
      </c>
      <c r="I72" s="243">
        <v>657</v>
      </c>
      <c r="J72" s="246">
        <v>0.43300376093314147</v>
      </c>
      <c r="K72" s="101">
        <v>3.7778017367128533E-2</v>
      </c>
      <c r="L72" s="246">
        <v>0.13175962956012247</v>
      </c>
      <c r="M72" s="101">
        <v>2.5968703435250953E-2</v>
      </c>
      <c r="N72" s="246">
        <v>0.43523660950673598</v>
      </c>
      <c r="O72" s="101">
        <v>3.7800367624697753E-2</v>
      </c>
    </row>
    <row r="73" spans="1:15" ht="14.25" customHeight="1">
      <c r="A73" s="57" t="s">
        <v>457</v>
      </c>
      <c r="B73" s="241">
        <v>210</v>
      </c>
      <c r="C73" s="245">
        <v>0.29667908722405767</v>
      </c>
      <c r="D73" s="98">
        <v>6.1426648836283106E-2</v>
      </c>
      <c r="E73" s="245">
        <v>9.1302852621075417E-2</v>
      </c>
      <c r="F73" s="98">
        <v>4.0005159055590822E-2</v>
      </c>
      <c r="G73" s="245">
        <v>0.61201806015486693</v>
      </c>
      <c r="H73" s="98">
        <v>6.5352410085694576E-2</v>
      </c>
      <c r="I73" s="241">
        <v>202</v>
      </c>
      <c r="J73" s="245">
        <v>0.59197648657567359</v>
      </c>
      <c r="K73" s="98">
        <v>6.7159827755216117E-2</v>
      </c>
      <c r="L73" s="245">
        <v>0.14244122367407677</v>
      </c>
      <c r="M73" s="98">
        <v>4.867897352717835E-2</v>
      </c>
      <c r="N73" s="245">
        <v>0.26558228975024961</v>
      </c>
      <c r="O73" s="98">
        <v>6.0636440311991197E-2</v>
      </c>
    </row>
    <row r="74" spans="1:15" ht="14.25" customHeight="1">
      <c r="A74" s="49" t="s">
        <v>458</v>
      </c>
      <c r="B74" s="243">
        <v>299</v>
      </c>
      <c r="C74" s="246">
        <v>0.44198873307822595</v>
      </c>
      <c r="D74" s="101">
        <v>5.5929320108573391E-2</v>
      </c>
      <c r="E74" s="246">
        <v>0.17299228760297181</v>
      </c>
      <c r="F74" s="101">
        <v>4.3004978302480137E-2</v>
      </c>
      <c r="G74" s="246">
        <v>0.3850189793188023</v>
      </c>
      <c r="H74" s="101">
        <v>5.4830783933695122E-2</v>
      </c>
      <c r="I74" s="243">
        <v>293</v>
      </c>
      <c r="J74" s="246">
        <v>0.61289803964067791</v>
      </c>
      <c r="K74" s="101">
        <v>5.5436593752380275E-2</v>
      </c>
      <c r="L74" s="246">
        <v>0.14670626594378405</v>
      </c>
      <c r="M74" s="101">
        <v>4.0772580713001584E-2</v>
      </c>
      <c r="N74" s="246">
        <v>0.24039569441553804</v>
      </c>
      <c r="O74" s="101">
        <v>4.8839203229291459E-2</v>
      </c>
    </row>
    <row r="75" spans="1:15" ht="14.25" customHeight="1">
      <c r="A75" s="57" t="s">
        <v>459</v>
      </c>
      <c r="B75" s="241">
        <v>463</v>
      </c>
      <c r="C75" s="245">
        <v>0.38303705244802277</v>
      </c>
      <c r="D75" s="98">
        <v>4.4112520940520178E-2</v>
      </c>
      <c r="E75" s="245">
        <v>0.1740842478451454</v>
      </c>
      <c r="F75" s="98">
        <v>3.4607046905832842E-2</v>
      </c>
      <c r="G75" s="245">
        <v>0.44287869970683186</v>
      </c>
      <c r="H75" s="98">
        <v>4.5057167288885008E-2</v>
      </c>
      <c r="I75" s="241">
        <v>452</v>
      </c>
      <c r="J75" s="245">
        <v>0.37430795750132839</v>
      </c>
      <c r="K75" s="98">
        <v>4.4445132133952722E-2</v>
      </c>
      <c r="L75" s="245">
        <v>0.13054019277047149</v>
      </c>
      <c r="M75" s="98">
        <v>3.1245308386093972E-2</v>
      </c>
      <c r="N75" s="245">
        <v>0.49515184972820009</v>
      </c>
      <c r="O75" s="98">
        <v>4.5890585025480421E-2</v>
      </c>
    </row>
    <row r="76" spans="1:15" ht="14.25" customHeight="1">
      <c r="A76" s="49" t="s">
        <v>460</v>
      </c>
      <c r="B76" s="243">
        <v>166</v>
      </c>
      <c r="C76" s="246">
        <v>0.54459380137145907</v>
      </c>
      <c r="D76" s="101">
        <v>7.4876990896669535E-2</v>
      </c>
      <c r="E76" s="246">
        <v>0.17947105095949106</v>
      </c>
      <c r="F76" s="101">
        <v>5.8615061909918338E-2</v>
      </c>
      <c r="G76" s="246">
        <v>0.27593514766904981</v>
      </c>
      <c r="H76" s="101">
        <v>6.7584439579649741E-2</v>
      </c>
      <c r="I76" s="243">
        <v>158</v>
      </c>
      <c r="J76" s="246">
        <v>0.63798492218255154</v>
      </c>
      <c r="K76" s="101">
        <v>7.4154659225598996E-2</v>
      </c>
      <c r="L76" s="246">
        <v>0.11899819411313106</v>
      </c>
      <c r="M76" s="101">
        <v>5.1516675417398489E-2</v>
      </c>
      <c r="N76" s="246">
        <v>0.2430168837043174</v>
      </c>
      <c r="O76" s="101">
        <v>6.6623747607554309E-2</v>
      </c>
    </row>
    <row r="79" spans="1:15" ht="18.75">
      <c r="A79" s="331" t="s">
        <v>63</v>
      </c>
      <c r="B79" s="331"/>
      <c r="C79" s="331"/>
      <c r="D79" s="331"/>
    </row>
    <row r="80" spans="1:15" ht="105" customHeight="1">
      <c r="A80" s="364" t="s">
        <v>262</v>
      </c>
      <c r="B80" s="364"/>
      <c r="C80" s="364"/>
      <c r="D80" s="364"/>
    </row>
    <row r="81" spans="1:4" ht="35.25" customHeight="1">
      <c r="A81" s="333" t="s">
        <v>263</v>
      </c>
      <c r="B81" s="333"/>
      <c r="C81" s="333"/>
      <c r="D81" s="333"/>
    </row>
    <row r="82" spans="1:4" ht="39.75" customHeight="1">
      <c r="A82" s="37" t="s">
        <v>114</v>
      </c>
      <c r="B82" s="38" t="s">
        <v>115</v>
      </c>
      <c r="C82" s="39" t="s">
        <v>116</v>
      </c>
      <c r="D82" s="40" t="s">
        <v>117</v>
      </c>
    </row>
    <row r="83" spans="1:4" ht="72">
      <c r="A83" s="41"/>
      <c r="B83" s="42" t="s">
        <v>118</v>
      </c>
      <c r="C83" s="136" t="s">
        <v>247</v>
      </c>
      <c r="D83" s="44" t="s">
        <v>120</v>
      </c>
    </row>
    <row r="84" spans="1:4">
      <c r="A84" s="45" t="s">
        <v>449</v>
      </c>
      <c r="B84" s="247">
        <v>12378</v>
      </c>
      <c r="C84" s="248">
        <v>5.1060619216036631</v>
      </c>
      <c r="D84" s="249">
        <v>4.3740948353218734E-2</v>
      </c>
    </row>
    <row r="85" spans="1:4">
      <c r="A85" s="49" t="s">
        <v>450</v>
      </c>
      <c r="B85" s="250">
        <v>3444</v>
      </c>
      <c r="C85" s="251">
        <v>5.2411571543848412</v>
      </c>
      <c r="D85" s="252">
        <v>7.7318531325635931E-2</v>
      </c>
    </row>
    <row r="86" spans="1:4">
      <c r="A86" s="53" t="s">
        <v>451</v>
      </c>
      <c r="B86" s="83">
        <v>284</v>
      </c>
      <c r="C86" s="84">
        <v>5.5312966068441796</v>
      </c>
      <c r="D86" s="85">
        <v>0.19941359618078458</v>
      </c>
    </row>
    <row r="87" spans="1:4">
      <c r="A87" s="49" t="s">
        <v>452</v>
      </c>
      <c r="B87" s="250">
        <v>179</v>
      </c>
      <c r="C87" s="251">
        <v>5.2096815969130557</v>
      </c>
      <c r="D87" s="252">
        <v>0.29355285692609634</v>
      </c>
    </row>
    <row r="88" spans="1:4">
      <c r="A88" s="57" t="s">
        <v>453</v>
      </c>
      <c r="B88" s="247">
        <v>362</v>
      </c>
      <c r="C88" s="248">
        <v>5.2845774327763904</v>
      </c>
      <c r="D88" s="249">
        <v>0.21797162200013442</v>
      </c>
    </row>
    <row r="89" spans="1:4">
      <c r="A89" s="49" t="s">
        <v>454</v>
      </c>
      <c r="B89" s="250">
        <v>711</v>
      </c>
      <c r="C89" s="251">
        <v>4.9736511115138651</v>
      </c>
      <c r="D89" s="252">
        <v>0.21512248359139896</v>
      </c>
    </row>
    <row r="90" spans="1:4">
      <c r="A90" s="57" t="s">
        <v>455</v>
      </c>
      <c r="B90" s="247">
        <v>218</v>
      </c>
      <c r="C90" s="248">
        <v>5.0870314722461618</v>
      </c>
      <c r="D90" s="249">
        <v>0.34964880504657891</v>
      </c>
    </row>
    <row r="91" spans="1:4">
      <c r="A91" s="49" t="s">
        <v>456</v>
      </c>
      <c r="B91" s="250">
        <v>668</v>
      </c>
      <c r="C91" s="251">
        <v>5.2994075645155858</v>
      </c>
      <c r="D91" s="252">
        <v>0.1596891754082792</v>
      </c>
    </row>
    <row r="92" spans="1:4">
      <c r="A92" s="57" t="s">
        <v>457</v>
      </c>
      <c r="B92" s="247">
        <v>210</v>
      </c>
      <c r="C92" s="248">
        <v>5.5643587618392916</v>
      </c>
      <c r="D92" s="249">
        <v>0.30321565358702429</v>
      </c>
    </row>
    <row r="93" spans="1:4">
      <c r="A93" s="49" t="s">
        <v>458</v>
      </c>
      <c r="B93" s="250">
        <v>300</v>
      </c>
      <c r="C93" s="251">
        <v>4.9771061166470547</v>
      </c>
      <c r="D93" s="252">
        <v>0.27554554415049015</v>
      </c>
    </row>
    <row r="94" spans="1:4">
      <c r="A94" s="57" t="s">
        <v>459</v>
      </c>
      <c r="B94" s="247">
        <v>461</v>
      </c>
      <c r="C94" s="248">
        <v>5.4145781065367</v>
      </c>
      <c r="D94" s="249">
        <v>0.19602941037790877</v>
      </c>
    </row>
    <row r="95" spans="1:4">
      <c r="A95" s="49" t="s">
        <v>460</v>
      </c>
      <c r="B95" s="250">
        <v>166</v>
      </c>
      <c r="C95" s="251">
        <v>4.7939452422704036</v>
      </c>
      <c r="D95" s="252">
        <v>0.28189242223559496</v>
      </c>
    </row>
    <row r="98" spans="1:22" ht="18.75">
      <c r="A98" s="331" t="s">
        <v>64</v>
      </c>
      <c r="B98" s="331"/>
      <c r="C98" s="331"/>
      <c r="D98" s="331"/>
      <c r="E98" s="331"/>
      <c r="F98" s="331"/>
      <c r="G98" s="331"/>
      <c r="H98" s="331"/>
      <c r="I98" s="331"/>
      <c r="J98" s="331"/>
      <c r="K98" s="331"/>
      <c r="L98" s="331"/>
      <c r="M98" s="331"/>
      <c r="N98" s="331"/>
      <c r="O98" s="331"/>
      <c r="P98" s="331"/>
      <c r="Q98" s="331"/>
      <c r="R98" s="331"/>
      <c r="S98" s="331"/>
      <c r="T98" s="331"/>
      <c r="U98" s="331"/>
      <c r="V98" s="331"/>
    </row>
    <row r="99" spans="1:22" ht="64.5" customHeight="1">
      <c r="A99" s="364" t="s">
        <v>264</v>
      </c>
      <c r="B99" s="364"/>
      <c r="C99" s="364"/>
      <c r="D99" s="364"/>
      <c r="E99" s="364"/>
      <c r="F99" s="364"/>
      <c r="G99" s="364"/>
      <c r="H99" s="364"/>
      <c r="I99" s="364"/>
      <c r="J99" s="364"/>
      <c r="K99" s="364"/>
      <c r="L99" s="364"/>
      <c r="M99" s="364"/>
      <c r="N99" s="364"/>
      <c r="O99" s="364"/>
      <c r="P99" s="364"/>
      <c r="Q99" s="364"/>
      <c r="R99" s="364"/>
      <c r="S99" s="364"/>
      <c r="T99" s="364"/>
      <c r="U99" s="364"/>
      <c r="V99" s="364"/>
    </row>
    <row r="100" spans="1:22" ht="37.5" customHeight="1">
      <c r="A100" s="64"/>
      <c r="B100" s="351" t="s">
        <v>265</v>
      </c>
      <c r="C100" s="351"/>
      <c r="D100" s="351"/>
      <c r="E100" s="351"/>
      <c r="F100" s="351"/>
      <c r="G100" s="351"/>
      <c r="H100" s="351"/>
      <c r="I100" s="351" t="s">
        <v>266</v>
      </c>
      <c r="J100" s="351"/>
      <c r="K100" s="351"/>
      <c r="L100" s="351"/>
      <c r="M100" s="351"/>
      <c r="N100" s="351"/>
      <c r="O100" s="351"/>
      <c r="P100" s="351" t="s">
        <v>267</v>
      </c>
      <c r="Q100" s="351"/>
      <c r="R100" s="351"/>
      <c r="S100" s="351"/>
      <c r="T100" s="351"/>
      <c r="U100" s="351"/>
      <c r="V100" s="351"/>
    </row>
    <row r="101" spans="1:22" ht="39" customHeight="1">
      <c r="A101" s="37" t="s">
        <v>114</v>
      </c>
      <c r="B101" s="38" t="s">
        <v>115</v>
      </c>
      <c r="C101" s="38" t="s">
        <v>252</v>
      </c>
      <c r="D101" s="93" t="s">
        <v>253</v>
      </c>
      <c r="E101" s="38" t="s">
        <v>254</v>
      </c>
      <c r="F101" s="93" t="s">
        <v>255</v>
      </c>
      <c r="G101" s="38" t="s">
        <v>256</v>
      </c>
      <c r="H101" s="93" t="s">
        <v>195</v>
      </c>
      <c r="I101" s="65" t="s">
        <v>115</v>
      </c>
      <c r="J101" s="65" t="s">
        <v>252</v>
      </c>
      <c r="K101" s="92" t="s">
        <v>253</v>
      </c>
      <c r="L101" s="65" t="s">
        <v>254</v>
      </c>
      <c r="M101" s="92" t="s">
        <v>255</v>
      </c>
      <c r="N101" s="65" t="s">
        <v>256</v>
      </c>
      <c r="O101" s="92" t="s">
        <v>195</v>
      </c>
      <c r="P101" s="38" t="s">
        <v>115</v>
      </c>
      <c r="Q101" s="38" t="s">
        <v>252</v>
      </c>
      <c r="R101" s="93" t="s">
        <v>253</v>
      </c>
      <c r="S101" s="38" t="s">
        <v>254</v>
      </c>
      <c r="T101" s="93" t="s">
        <v>255</v>
      </c>
      <c r="U101" s="38" t="s">
        <v>256</v>
      </c>
      <c r="V101" s="93" t="s">
        <v>195</v>
      </c>
    </row>
    <row r="102" spans="1:22" ht="72">
      <c r="A102" s="41"/>
      <c r="B102" s="42" t="s">
        <v>118</v>
      </c>
      <c r="C102" s="42" t="s">
        <v>303</v>
      </c>
      <c r="D102" s="95" t="s">
        <v>148</v>
      </c>
      <c r="E102" s="42" t="s">
        <v>304</v>
      </c>
      <c r="F102" s="95" t="s">
        <v>148</v>
      </c>
      <c r="G102" s="42" t="s">
        <v>305</v>
      </c>
      <c r="H102" s="95" t="s">
        <v>148</v>
      </c>
      <c r="I102" s="68" t="s">
        <v>118</v>
      </c>
      <c r="J102" s="68" t="s">
        <v>303</v>
      </c>
      <c r="K102" s="94" t="s">
        <v>148</v>
      </c>
      <c r="L102" s="68" t="s">
        <v>304</v>
      </c>
      <c r="M102" s="94" t="s">
        <v>148</v>
      </c>
      <c r="N102" s="68" t="s">
        <v>305</v>
      </c>
      <c r="O102" s="94" t="s">
        <v>148</v>
      </c>
      <c r="P102" s="42" t="s">
        <v>118</v>
      </c>
      <c r="Q102" s="42" t="s">
        <v>303</v>
      </c>
      <c r="R102" s="95" t="s">
        <v>148</v>
      </c>
      <c r="S102" s="42" t="s">
        <v>304</v>
      </c>
      <c r="T102" s="95" t="s">
        <v>148</v>
      </c>
      <c r="U102" s="42" t="s">
        <v>305</v>
      </c>
      <c r="V102" s="95" t="s">
        <v>148</v>
      </c>
    </row>
    <row r="103" spans="1:22">
      <c r="A103" s="45" t="s">
        <v>449</v>
      </c>
      <c r="B103" s="247">
        <v>12689</v>
      </c>
      <c r="C103" s="253">
        <v>0.16639742880402802</v>
      </c>
      <c r="D103" s="98">
        <v>6.4809179384737675E-3</v>
      </c>
      <c r="E103" s="253">
        <v>9.4079898445222521E-2</v>
      </c>
      <c r="F103" s="98">
        <v>5.0819652068036358E-3</v>
      </c>
      <c r="G103" s="253">
        <v>0.73952267275074945</v>
      </c>
      <c r="H103" s="98">
        <v>7.6361665647597804E-3</v>
      </c>
      <c r="I103" s="247">
        <v>12698</v>
      </c>
      <c r="J103" s="253">
        <v>0.20814298722275115</v>
      </c>
      <c r="K103" s="98">
        <v>7.0614672771152969E-3</v>
      </c>
      <c r="L103" s="253">
        <v>0.14006257701595784</v>
      </c>
      <c r="M103" s="98">
        <v>6.0375610246607807E-3</v>
      </c>
      <c r="N103" s="253">
        <v>0.65179443576129104</v>
      </c>
      <c r="O103" s="98">
        <v>8.28527784489895E-3</v>
      </c>
      <c r="P103" s="247">
        <v>12750</v>
      </c>
      <c r="Q103" s="253">
        <v>0.21971028827070324</v>
      </c>
      <c r="R103" s="98">
        <v>7.1870125133836624E-3</v>
      </c>
      <c r="S103" s="253">
        <v>0.13822759173150623</v>
      </c>
      <c r="T103" s="98">
        <v>5.9920593314007524E-3</v>
      </c>
      <c r="U103" s="253">
        <v>0.6420621199977905</v>
      </c>
      <c r="V103" s="98">
        <v>8.320265384966467E-3</v>
      </c>
    </row>
    <row r="104" spans="1:22">
      <c r="A104" s="49" t="s">
        <v>450</v>
      </c>
      <c r="B104" s="250">
        <v>3544</v>
      </c>
      <c r="C104" s="254">
        <v>0.13548753394045754</v>
      </c>
      <c r="D104" s="101">
        <v>1.1275971122215078E-2</v>
      </c>
      <c r="E104" s="254">
        <v>9.4333495337036666E-2</v>
      </c>
      <c r="F104" s="101">
        <v>9.6387768483387412E-3</v>
      </c>
      <c r="G104" s="254">
        <v>0.77017897072250585</v>
      </c>
      <c r="H104" s="101">
        <v>1.3850220592435803E-2</v>
      </c>
      <c r="I104" s="250">
        <v>3549</v>
      </c>
      <c r="J104" s="254">
        <v>0.16799203221446243</v>
      </c>
      <c r="K104" s="101">
        <v>1.2304149159112829E-2</v>
      </c>
      <c r="L104" s="254">
        <v>0.12419828918464386</v>
      </c>
      <c r="M104" s="101">
        <v>1.0860571989853624E-2</v>
      </c>
      <c r="N104" s="254">
        <v>0.70780967860089372</v>
      </c>
      <c r="O104" s="101">
        <v>1.4957246163238366E-2</v>
      </c>
      <c r="P104" s="250">
        <v>3565</v>
      </c>
      <c r="Q104" s="254">
        <v>0.19898608972652174</v>
      </c>
      <c r="R104" s="101">
        <v>1.3106615337295745E-2</v>
      </c>
      <c r="S104" s="254">
        <v>0.14268091753824988</v>
      </c>
      <c r="T104" s="101">
        <v>1.1487992847019735E-2</v>
      </c>
      <c r="U104" s="254">
        <v>0.65833299273522838</v>
      </c>
      <c r="V104" s="101">
        <v>1.5561854173147815E-2</v>
      </c>
    </row>
    <row r="105" spans="1:22">
      <c r="A105" s="53" t="s">
        <v>451</v>
      </c>
      <c r="B105" s="54">
        <v>283</v>
      </c>
      <c r="C105" s="190">
        <v>7.0786998838104603E-2</v>
      </c>
      <c r="D105" s="98">
        <v>3.0800900497315948E-2</v>
      </c>
      <c r="E105" s="190">
        <v>8.6607728910343434E-2</v>
      </c>
      <c r="F105" s="98">
        <v>3.3499129708388677E-2</v>
      </c>
      <c r="G105" s="190">
        <v>0.84260527225155202</v>
      </c>
      <c r="H105" s="98">
        <v>4.2645972855129742E-2</v>
      </c>
      <c r="I105" s="54">
        <v>282</v>
      </c>
      <c r="J105" s="190">
        <v>0.12254470606033897</v>
      </c>
      <c r="K105" s="98">
        <v>3.8697332957788329E-2</v>
      </c>
      <c r="L105" s="190">
        <v>0.11075703152179905</v>
      </c>
      <c r="M105" s="98">
        <v>3.7141096648379272E-2</v>
      </c>
      <c r="N105" s="190">
        <v>0.76669826241786199</v>
      </c>
      <c r="O105" s="98">
        <v>4.9286680617086048E-2</v>
      </c>
      <c r="P105" s="54">
        <v>283</v>
      </c>
      <c r="Q105" s="190">
        <v>0.17094087452311182</v>
      </c>
      <c r="R105" s="98">
        <v>4.4012432269902868E-2</v>
      </c>
      <c r="S105" s="190">
        <v>0.12272296494522335</v>
      </c>
      <c r="T105" s="98">
        <v>3.8650143362922905E-2</v>
      </c>
      <c r="U105" s="190">
        <v>0.70633616053166481</v>
      </c>
      <c r="V105" s="98">
        <v>5.2841641590332708E-2</v>
      </c>
    </row>
    <row r="106" spans="1:22">
      <c r="A106" s="49" t="s">
        <v>452</v>
      </c>
      <c r="B106" s="250">
        <v>179</v>
      </c>
      <c r="C106" s="254">
        <v>0.13074783376637508</v>
      </c>
      <c r="D106" s="101">
        <v>5.0095889953668551E-2</v>
      </c>
      <c r="E106" s="254">
        <v>0.10002247967548156</v>
      </c>
      <c r="F106" s="101">
        <v>4.5109862339810444E-2</v>
      </c>
      <c r="G106" s="254">
        <v>0.76922968655814339</v>
      </c>
      <c r="H106" s="101">
        <v>6.1581303074123427E-2</v>
      </c>
      <c r="I106" s="250">
        <v>178</v>
      </c>
      <c r="J106" s="254">
        <v>0.23963950023190025</v>
      </c>
      <c r="K106" s="101">
        <v>6.2516289019575358E-2</v>
      </c>
      <c r="L106" s="254">
        <v>8.663795091723421E-2</v>
      </c>
      <c r="M106" s="101">
        <v>4.2744370718458533E-2</v>
      </c>
      <c r="N106" s="254">
        <v>0.67372254885086547</v>
      </c>
      <c r="O106" s="101">
        <v>6.8319807907689947E-2</v>
      </c>
      <c r="P106" s="250">
        <v>180</v>
      </c>
      <c r="Q106" s="254">
        <v>0.15812305879488966</v>
      </c>
      <c r="R106" s="101">
        <v>5.3705324342946392E-2</v>
      </c>
      <c r="S106" s="254">
        <v>0.13136184885890947</v>
      </c>
      <c r="T106" s="101">
        <v>5.0043482128551586E-2</v>
      </c>
      <c r="U106" s="254">
        <v>0.71051509234620081</v>
      </c>
      <c r="V106" s="101">
        <v>6.5833902732001695E-2</v>
      </c>
    </row>
    <row r="107" spans="1:22">
      <c r="A107" s="57" t="s">
        <v>453</v>
      </c>
      <c r="B107" s="247">
        <v>363</v>
      </c>
      <c r="C107" s="253">
        <v>0.1224482463633438</v>
      </c>
      <c r="D107" s="98">
        <v>3.4016731469966012E-2</v>
      </c>
      <c r="E107" s="253">
        <v>0.12544584499330105</v>
      </c>
      <c r="F107" s="98">
        <v>3.4354412632947647E-2</v>
      </c>
      <c r="G107" s="253">
        <v>0.75210590864335514</v>
      </c>
      <c r="H107" s="98">
        <v>4.4339883175256466E-2</v>
      </c>
      <c r="I107" s="247">
        <v>359</v>
      </c>
      <c r="J107" s="253">
        <v>0.10990097441905933</v>
      </c>
      <c r="K107" s="98">
        <v>3.2719221627926939E-2</v>
      </c>
      <c r="L107" s="253">
        <v>0.11741786723614671</v>
      </c>
      <c r="M107" s="98">
        <v>3.3625400886158896E-2</v>
      </c>
      <c r="N107" s="253">
        <v>0.77268115834479401</v>
      </c>
      <c r="O107" s="98">
        <v>4.3313777294211604E-2</v>
      </c>
      <c r="P107" s="247">
        <v>361</v>
      </c>
      <c r="Q107" s="253">
        <v>0.16182950640000848</v>
      </c>
      <c r="R107" s="98">
        <v>3.8129325958231271E-2</v>
      </c>
      <c r="S107" s="253">
        <v>0.19234277941657241</v>
      </c>
      <c r="T107" s="98">
        <v>4.0702974422155695E-2</v>
      </c>
      <c r="U107" s="253">
        <v>0.64582771418341911</v>
      </c>
      <c r="V107" s="98">
        <v>4.9115082982104472E-2</v>
      </c>
    </row>
    <row r="108" spans="1:22">
      <c r="A108" s="49" t="s">
        <v>454</v>
      </c>
      <c r="B108" s="250">
        <v>706</v>
      </c>
      <c r="C108" s="254">
        <v>0.17413152331870485</v>
      </c>
      <c r="D108" s="101">
        <v>2.8010135147976994E-2</v>
      </c>
      <c r="E108" s="254">
        <v>0.11128798314335255</v>
      </c>
      <c r="F108" s="101">
        <v>2.3330677049043177E-2</v>
      </c>
      <c r="G108" s="254">
        <v>0.71458049353794262</v>
      </c>
      <c r="H108" s="101">
        <v>3.3261698252636786E-2</v>
      </c>
      <c r="I108" s="250">
        <v>706</v>
      </c>
      <c r="J108" s="254">
        <v>0.20554233025899626</v>
      </c>
      <c r="K108" s="101">
        <v>2.9812922996578766E-2</v>
      </c>
      <c r="L108" s="254">
        <v>0.11444533195965155</v>
      </c>
      <c r="M108" s="101">
        <v>2.3609299920496239E-2</v>
      </c>
      <c r="N108" s="254">
        <v>0.68001233778135217</v>
      </c>
      <c r="O108" s="101">
        <v>3.4341158983643372E-2</v>
      </c>
      <c r="P108" s="250">
        <v>711</v>
      </c>
      <c r="Q108" s="254">
        <v>0.30152048921408781</v>
      </c>
      <c r="R108" s="101">
        <v>3.3673714128286659E-2</v>
      </c>
      <c r="S108" s="254">
        <v>0.15524356625344729</v>
      </c>
      <c r="T108" s="101">
        <v>2.667843964933906E-2</v>
      </c>
      <c r="U108" s="254">
        <v>0.54323594453246493</v>
      </c>
      <c r="V108" s="101">
        <v>3.6514176616861814E-2</v>
      </c>
    </row>
    <row r="109" spans="1:22">
      <c r="A109" s="57" t="s">
        <v>455</v>
      </c>
      <c r="B109" s="247">
        <v>212</v>
      </c>
      <c r="C109" s="253">
        <v>0.20820886172037417</v>
      </c>
      <c r="D109" s="98">
        <v>5.4658883328994073E-2</v>
      </c>
      <c r="E109" s="253">
        <v>7.423245120434302E-2</v>
      </c>
      <c r="F109" s="98">
        <v>3.6613351224387504E-2</v>
      </c>
      <c r="G109" s="253">
        <v>0.71755868707528281</v>
      </c>
      <c r="H109" s="98">
        <v>6.0294121129956843E-2</v>
      </c>
      <c r="I109" s="247">
        <v>216</v>
      </c>
      <c r="J109" s="253">
        <v>0.23296895975090956</v>
      </c>
      <c r="K109" s="98">
        <v>5.6260067504316162E-2</v>
      </c>
      <c r="L109" s="253">
        <v>0.12323491914631028</v>
      </c>
      <c r="M109" s="98">
        <v>4.4452585485306395E-2</v>
      </c>
      <c r="N109" s="253">
        <v>0.64379612110278017</v>
      </c>
      <c r="O109" s="98">
        <v>6.3382971640577948E-2</v>
      </c>
      <c r="P109" s="247">
        <v>216</v>
      </c>
      <c r="Q109" s="253">
        <v>0.1448077812875366</v>
      </c>
      <c r="R109" s="98">
        <v>4.7347928381440932E-2</v>
      </c>
      <c r="S109" s="253">
        <v>0.2001564181582057</v>
      </c>
      <c r="T109" s="98">
        <v>5.3405041865967902E-2</v>
      </c>
      <c r="U109" s="253">
        <v>0.6550358005542577</v>
      </c>
      <c r="V109" s="98">
        <v>6.2935396445758698E-2</v>
      </c>
    </row>
    <row r="110" spans="1:22">
      <c r="A110" s="49" t="s">
        <v>456</v>
      </c>
      <c r="B110" s="250">
        <v>664</v>
      </c>
      <c r="C110" s="254">
        <v>0.12503024907450669</v>
      </c>
      <c r="D110" s="101">
        <v>2.5274288711301506E-2</v>
      </c>
      <c r="E110" s="254">
        <v>7.4769793411788146E-2</v>
      </c>
      <c r="F110" s="101">
        <v>2.0254859493488785E-2</v>
      </c>
      <c r="G110" s="254">
        <v>0.80019995751370521</v>
      </c>
      <c r="H110" s="101">
        <v>3.0424361567327782E-2</v>
      </c>
      <c r="I110" s="250">
        <v>669</v>
      </c>
      <c r="J110" s="254">
        <v>0.14476656865067641</v>
      </c>
      <c r="K110" s="101">
        <v>2.6744370297357281E-2</v>
      </c>
      <c r="L110" s="254">
        <v>0.12898208567164149</v>
      </c>
      <c r="M110" s="101">
        <v>2.5506885815558378E-2</v>
      </c>
      <c r="N110" s="254">
        <v>0.72625134567768213</v>
      </c>
      <c r="O110" s="101">
        <v>3.3738801063511716E-2</v>
      </c>
      <c r="P110" s="250">
        <v>669</v>
      </c>
      <c r="Q110" s="254">
        <v>0.18231785373516393</v>
      </c>
      <c r="R110" s="101">
        <v>2.9288065492391366E-2</v>
      </c>
      <c r="S110" s="254">
        <v>0.11277958704058891</v>
      </c>
      <c r="T110" s="101">
        <v>2.4110276317604339E-2</v>
      </c>
      <c r="U110" s="254">
        <v>0.70490255922424716</v>
      </c>
      <c r="V110" s="101">
        <v>3.4499644982943639E-2</v>
      </c>
    </row>
    <row r="111" spans="1:22">
      <c r="A111" s="57" t="s">
        <v>457</v>
      </c>
      <c r="B111" s="247">
        <v>209</v>
      </c>
      <c r="C111" s="253">
        <v>0.11437418674017197</v>
      </c>
      <c r="D111" s="98">
        <v>4.389386402688205E-2</v>
      </c>
      <c r="E111" s="253">
        <v>4.4163618650469132E-2</v>
      </c>
      <c r="F111" s="98">
        <v>3.0012932101352113E-2</v>
      </c>
      <c r="G111" s="253">
        <v>0.84146219460935889</v>
      </c>
      <c r="H111" s="98">
        <v>4.9842397488412744E-2</v>
      </c>
      <c r="I111" s="247">
        <v>206</v>
      </c>
      <c r="J111" s="253">
        <v>0.1439036745696107</v>
      </c>
      <c r="K111" s="98">
        <v>4.8385759793474668E-2</v>
      </c>
      <c r="L111" s="253">
        <v>0.11259524182035381</v>
      </c>
      <c r="M111" s="98">
        <v>4.3947921405149575E-2</v>
      </c>
      <c r="N111" s="253">
        <v>0.74350108361003542</v>
      </c>
      <c r="O111" s="98">
        <v>5.9410417738623961E-2</v>
      </c>
      <c r="P111" s="247">
        <v>208</v>
      </c>
      <c r="Q111" s="253">
        <v>0.14616850714637061</v>
      </c>
      <c r="R111" s="98">
        <v>4.8438947840988275E-2</v>
      </c>
      <c r="S111" s="253">
        <v>9.8983523938072887E-2</v>
      </c>
      <c r="T111" s="98">
        <v>4.1533618143960338E-2</v>
      </c>
      <c r="U111" s="253">
        <v>0.7548479689155565</v>
      </c>
      <c r="V111" s="98">
        <v>5.8286220028220391E-2</v>
      </c>
    </row>
    <row r="112" spans="1:22">
      <c r="A112" s="49" t="s">
        <v>458</v>
      </c>
      <c r="B112" s="250">
        <v>296</v>
      </c>
      <c r="C112" s="254">
        <v>0.15959704132081479</v>
      </c>
      <c r="D112" s="101">
        <v>4.191455972611062E-2</v>
      </c>
      <c r="E112" s="254">
        <v>5.9314011606005523E-2</v>
      </c>
      <c r="F112" s="101">
        <v>2.7934896482736928E-2</v>
      </c>
      <c r="G112" s="254">
        <v>0.78108894707317966</v>
      </c>
      <c r="H112" s="101">
        <v>4.7078356443333094E-2</v>
      </c>
      <c r="I112" s="250">
        <v>299</v>
      </c>
      <c r="J112" s="254">
        <v>0.19203345074076175</v>
      </c>
      <c r="K112" s="101">
        <v>4.4706816363831926E-2</v>
      </c>
      <c r="L112" s="254">
        <v>0.16781595303419003</v>
      </c>
      <c r="M112" s="101">
        <v>4.2512364536293701E-2</v>
      </c>
      <c r="N112" s="254">
        <v>0.64015059622504822</v>
      </c>
      <c r="O112" s="101">
        <v>5.4102997041929883E-2</v>
      </c>
      <c r="P112" s="250">
        <v>300</v>
      </c>
      <c r="Q112" s="254">
        <v>0.2755317824447947</v>
      </c>
      <c r="R112" s="101">
        <v>5.0389844112666241E-2</v>
      </c>
      <c r="S112" s="254">
        <v>0.18218948414427888</v>
      </c>
      <c r="T112" s="101">
        <v>4.3774564900132588E-2</v>
      </c>
      <c r="U112" s="254">
        <v>0.54227873341092647</v>
      </c>
      <c r="V112" s="101">
        <v>5.6010827505123748E-2</v>
      </c>
    </row>
    <row r="113" spans="1:22">
      <c r="A113" s="57" t="s">
        <v>459</v>
      </c>
      <c r="B113" s="247">
        <v>455</v>
      </c>
      <c r="C113" s="253">
        <v>0.1202568400064028</v>
      </c>
      <c r="D113" s="98">
        <v>3.0106415809478468E-2</v>
      </c>
      <c r="E113" s="253">
        <v>0.10752967719715695</v>
      </c>
      <c r="F113" s="98">
        <v>2.873269085043843E-2</v>
      </c>
      <c r="G113" s="253">
        <v>0.7722134827964402</v>
      </c>
      <c r="H113" s="98">
        <v>3.8509161408337995E-2</v>
      </c>
      <c r="I113" s="247">
        <v>459</v>
      </c>
      <c r="J113" s="253">
        <v>0.17339314751131399</v>
      </c>
      <c r="K113" s="98">
        <v>3.4705137064187035E-2</v>
      </c>
      <c r="L113" s="253">
        <v>0.11644717355192222</v>
      </c>
      <c r="M113" s="98">
        <v>2.9574899692439947E-2</v>
      </c>
      <c r="N113" s="253">
        <v>0.71015967893676379</v>
      </c>
      <c r="O113" s="98">
        <v>4.1402171856468065E-2</v>
      </c>
      <c r="P113" s="247">
        <v>462</v>
      </c>
      <c r="Q113" s="253">
        <v>0.14847699755712698</v>
      </c>
      <c r="R113" s="98">
        <v>3.255282735381583E-2</v>
      </c>
      <c r="S113" s="253">
        <v>0.12497656638194349</v>
      </c>
      <c r="T113" s="98">
        <v>3.0353534923786837E-2</v>
      </c>
      <c r="U113" s="253">
        <v>0.7265464360609295</v>
      </c>
      <c r="V113" s="98">
        <v>4.0559570794105347E-2</v>
      </c>
    </row>
    <row r="114" spans="1:22">
      <c r="A114" s="49" t="s">
        <v>460</v>
      </c>
      <c r="B114" s="250">
        <v>166</v>
      </c>
      <c r="C114" s="254">
        <v>0.1659733025530144</v>
      </c>
      <c r="D114" s="101">
        <v>5.6968056408064342E-2</v>
      </c>
      <c r="E114" s="254">
        <v>0.20042250427119784</v>
      </c>
      <c r="F114" s="101">
        <v>6.0956242876695363E-2</v>
      </c>
      <c r="G114" s="254">
        <v>0.63360419317578776</v>
      </c>
      <c r="H114" s="101">
        <v>7.255894663801081E-2</v>
      </c>
      <c r="I114" s="250">
        <v>164</v>
      </c>
      <c r="J114" s="254">
        <v>0.19487556255211222</v>
      </c>
      <c r="K114" s="101">
        <v>6.0728317986716678E-2</v>
      </c>
      <c r="L114" s="254">
        <v>0.1745414745048387</v>
      </c>
      <c r="M114" s="101">
        <v>5.8382536326333626E-2</v>
      </c>
      <c r="N114" s="254">
        <v>0.63058296294304905</v>
      </c>
      <c r="O114" s="101">
        <v>7.3110142334184294E-2</v>
      </c>
      <c r="P114" s="250">
        <v>164</v>
      </c>
      <c r="Q114" s="254">
        <v>0.2471380493359645</v>
      </c>
      <c r="R114" s="101">
        <v>6.5752451476286472E-2</v>
      </c>
      <c r="S114" s="254">
        <v>0.18191784006059275</v>
      </c>
      <c r="T114" s="101">
        <v>5.9261800559971087E-2</v>
      </c>
      <c r="U114" s="254">
        <v>0.57094411060344274</v>
      </c>
      <c r="V114" s="101">
        <v>7.4879853179999456E-2</v>
      </c>
    </row>
    <row r="117" spans="1:22" ht="18.75">
      <c r="A117" s="331" t="s">
        <v>65</v>
      </c>
      <c r="B117" s="331"/>
      <c r="C117" s="331"/>
      <c r="D117" s="331"/>
    </row>
    <row r="118" spans="1:22" ht="100.5" customHeight="1">
      <c r="A118" s="364" t="s">
        <v>408</v>
      </c>
      <c r="B118" s="364"/>
      <c r="C118" s="364"/>
      <c r="D118" s="364"/>
    </row>
    <row r="119" spans="1:22" ht="38.25" customHeight="1">
      <c r="A119" s="333" t="s">
        <v>268</v>
      </c>
      <c r="B119" s="333"/>
      <c r="C119" s="333"/>
      <c r="D119" s="333"/>
    </row>
    <row r="120" spans="1:22" ht="38.25" customHeight="1">
      <c r="A120" s="37" t="s">
        <v>114</v>
      </c>
      <c r="B120" s="38" t="s">
        <v>115</v>
      </c>
      <c r="C120" s="39" t="s">
        <v>116</v>
      </c>
      <c r="D120" s="40" t="s">
        <v>117</v>
      </c>
    </row>
    <row r="121" spans="1:22" ht="72">
      <c r="A121" s="41"/>
      <c r="B121" s="42" t="s">
        <v>118</v>
      </c>
      <c r="C121" s="136" t="s">
        <v>247</v>
      </c>
      <c r="D121" s="44" t="s">
        <v>120</v>
      </c>
    </row>
    <row r="122" spans="1:22">
      <c r="A122" s="45" t="s">
        <v>449</v>
      </c>
      <c r="B122" s="255">
        <v>12891</v>
      </c>
      <c r="C122" s="256">
        <v>3.1167761292517424</v>
      </c>
      <c r="D122" s="257">
        <v>0.71203566981940725</v>
      </c>
    </row>
    <row r="123" spans="1:22">
      <c r="A123" s="49" t="s">
        <v>450</v>
      </c>
      <c r="B123" s="258">
        <v>3503</v>
      </c>
      <c r="C123" s="259">
        <v>3.1699060125980538</v>
      </c>
      <c r="D123" s="260">
        <v>1.8916481885776961</v>
      </c>
    </row>
    <row r="124" spans="1:22">
      <c r="A124" s="53" t="s">
        <v>451</v>
      </c>
      <c r="B124" s="83">
        <v>263</v>
      </c>
      <c r="C124" s="84">
        <v>5.6057551375825945</v>
      </c>
      <c r="D124" s="85">
        <v>0.22800618084535262</v>
      </c>
    </row>
    <row r="125" spans="1:22">
      <c r="A125" s="49" t="s">
        <v>452</v>
      </c>
      <c r="B125" s="258">
        <v>163</v>
      </c>
      <c r="C125" s="259">
        <v>4.9508131070492514</v>
      </c>
      <c r="D125" s="260">
        <v>0.39388590570914772</v>
      </c>
    </row>
    <row r="126" spans="1:22">
      <c r="A126" s="57" t="s">
        <v>453</v>
      </c>
      <c r="B126" s="255">
        <v>347</v>
      </c>
      <c r="C126" s="256">
        <v>5.6530857593423347</v>
      </c>
      <c r="D126" s="257">
        <v>0.2357730088691854</v>
      </c>
    </row>
    <row r="127" spans="1:22">
      <c r="A127" s="49" t="s">
        <v>454</v>
      </c>
      <c r="B127" s="258">
        <v>673</v>
      </c>
      <c r="C127" s="259">
        <v>5.1724065808611446</v>
      </c>
      <c r="D127" s="260">
        <v>0.22983498353334664</v>
      </c>
    </row>
    <row r="128" spans="1:22">
      <c r="A128" s="57" t="s">
        <v>455</v>
      </c>
      <c r="B128" s="255">
        <v>211</v>
      </c>
      <c r="C128" s="256">
        <v>5.0753321224774286</v>
      </c>
      <c r="D128" s="257">
        <v>0.42151917802129102</v>
      </c>
    </row>
    <row r="129" spans="1:15">
      <c r="A129" s="49" t="s">
        <v>456</v>
      </c>
      <c r="B129" s="258">
        <v>625</v>
      </c>
      <c r="C129" s="259">
        <v>5.457149308334464</v>
      </c>
      <c r="D129" s="260">
        <v>0.18391400798359747</v>
      </c>
    </row>
    <row r="130" spans="1:15">
      <c r="A130" s="57" t="s">
        <v>457</v>
      </c>
      <c r="B130" s="255">
        <v>203</v>
      </c>
      <c r="C130" s="256">
        <v>5.6048050376239473</v>
      </c>
      <c r="D130" s="257">
        <v>0.3234523743548321</v>
      </c>
    </row>
    <row r="131" spans="1:15">
      <c r="A131" s="49" t="s">
        <v>458</v>
      </c>
      <c r="B131" s="258">
        <v>272</v>
      </c>
      <c r="C131" s="259">
        <v>4.4636599276814675</v>
      </c>
      <c r="D131" s="260">
        <v>0.34462505011728251</v>
      </c>
    </row>
    <row r="132" spans="1:15">
      <c r="A132" s="57" t="s">
        <v>459</v>
      </c>
      <c r="B132" s="255">
        <v>430</v>
      </c>
      <c r="C132" s="256">
        <v>5.5725809835563052</v>
      </c>
      <c r="D132" s="257">
        <v>0.2003673214731565</v>
      </c>
    </row>
    <row r="133" spans="1:15">
      <c r="A133" s="49" t="s">
        <v>460</v>
      </c>
      <c r="B133" s="258">
        <v>154</v>
      </c>
      <c r="C133" s="259">
        <v>5.2654240190480728</v>
      </c>
      <c r="D133" s="260">
        <v>0.29017996812304148</v>
      </c>
    </row>
    <row r="136" spans="1:15" ht="18.75">
      <c r="A136" s="331" t="s">
        <v>66</v>
      </c>
      <c r="B136" s="331"/>
      <c r="C136" s="331"/>
      <c r="D136" s="331"/>
      <c r="E136" s="331"/>
      <c r="F136" s="331"/>
      <c r="G136" s="331"/>
      <c r="H136" s="331"/>
      <c r="I136" s="331"/>
      <c r="J136" s="331"/>
      <c r="K136" s="331"/>
      <c r="L136" s="331"/>
      <c r="M136" s="331"/>
      <c r="N136" s="331"/>
      <c r="O136" s="331"/>
    </row>
    <row r="137" spans="1:15" ht="51" customHeight="1">
      <c r="A137" s="362" t="s">
        <v>409</v>
      </c>
      <c r="B137" s="362"/>
      <c r="C137" s="362"/>
      <c r="D137" s="362"/>
      <c r="E137" s="362"/>
      <c r="F137" s="362"/>
      <c r="G137" s="362"/>
      <c r="H137" s="362"/>
      <c r="I137" s="362"/>
      <c r="J137" s="362"/>
      <c r="K137" s="362"/>
      <c r="L137" s="362"/>
      <c r="M137" s="362"/>
      <c r="N137" s="362"/>
      <c r="O137" s="362"/>
    </row>
    <row r="138" spans="1:15" ht="36" customHeight="1">
      <c r="A138" s="64"/>
      <c r="B138" s="351" t="s">
        <v>269</v>
      </c>
      <c r="C138" s="351"/>
      <c r="D138" s="351"/>
      <c r="E138" s="351"/>
      <c r="F138" s="351"/>
      <c r="G138" s="351"/>
      <c r="H138" s="351"/>
      <c r="I138" s="351" t="s">
        <v>270</v>
      </c>
      <c r="J138" s="351"/>
      <c r="K138" s="351"/>
      <c r="L138" s="351"/>
      <c r="M138" s="351"/>
      <c r="N138" s="351"/>
      <c r="O138" s="351"/>
    </row>
    <row r="139" spans="1:15" ht="39.75" customHeight="1">
      <c r="A139" s="37" t="s">
        <v>114</v>
      </c>
      <c r="B139" s="38" t="s">
        <v>115</v>
      </c>
      <c r="C139" s="38" t="s">
        <v>252</v>
      </c>
      <c r="D139" s="93" t="s">
        <v>253</v>
      </c>
      <c r="E139" s="38" t="s">
        <v>254</v>
      </c>
      <c r="F139" s="93" t="s">
        <v>255</v>
      </c>
      <c r="G139" s="38" t="s">
        <v>256</v>
      </c>
      <c r="H139" s="93" t="s">
        <v>195</v>
      </c>
      <c r="I139" s="65" t="s">
        <v>115</v>
      </c>
      <c r="J139" s="65" t="s">
        <v>252</v>
      </c>
      <c r="K139" s="92" t="s">
        <v>253</v>
      </c>
      <c r="L139" s="65" t="s">
        <v>254</v>
      </c>
      <c r="M139" s="92" t="s">
        <v>255</v>
      </c>
      <c r="N139" s="65" t="s">
        <v>256</v>
      </c>
      <c r="O139" s="92" t="s">
        <v>195</v>
      </c>
    </row>
    <row r="140" spans="1:15" ht="72">
      <c r="A140" s="41"/>
      <c r="B140" s="42" t="s">
        <v>118</v>
      </c>
      <c r="C140" s="42" t="s">
        <v>303</v>
      </c>
      <c r="D140" s="95" t="s">
        <v>148</v>
      </c>
      <c r="E140" s="42" t="s">
        <v>304</v>
      </c>
      <c r="F140" s="95" t="s">
        <v>148</v>
      </c>
      <c r="G140" s="42" t="s">
        <v>305</v>
      </c>
      <c r="H140" s="95" t="s">
        <v>148</v>
      </c>
      <c r="I140" s="68" t="s">
        <v>118</v>
      </c>
      <c r="J140" s="68" t="s">
        <v>303</v>
      </c>
      <c r="K140" s="94" t="s">
        <v>148</v>
      </c>
      <c r="L140" s="68" t="s">
        <v>304</v>
      </c>
      <c r="M140" s="94" t="s">
        <v>148</v>
      </c>
      <c r="N140" s="68" t="s">
        <v>305</v>
      </c>
      <c r="O140" s="94" t="s">
        <v>148</v>
      </c>
    </row>
    <row r="141" spans="1:15">
      <c r="A141" s="45" t="s">
        <v>449</v>
      </c>
      <c r="B141" s="255">
        <v>12672</v>
      </c>
      <c r="C141" s="261">
        <v>0.1573109028314873</v>
      </c>
      <c r="D141" s="98">
        <v>6.340148166357383E-3</v>
      </c>
      <c r="E141" s="261">
        <v>9.6135944421366581E-2</v>
      </c>
      <c r="F141" s="98">
        <v>5.1347164131776216E-3</v>
      </c>
      <c r="G141" s="261">
        <v>0.74655315274714618</v>
      </c>
      <c r="H141" s="98">
        <v>7.5732586032777448E-3</v>
      </c>
      <c r="I141" s="255">
        <v>12088</v>
      </c>
      <c r="J141" s="261">
        <v>0.20537399281947191</v>
      </c>
      <c r="K141" s="98">
        <v>7.2017410578803509E-3</v>
      </c>
      <c r="L141" s="261">
        <v>0.12623884649899059</v>
      </c>
      <c r="M141" s="98">
        <v>5.9221815845212113E-3</v>
      </c>
      <c r="N141" s="261">
        <v>0.66838716068153747</v>
      </c>
      <c r="O141" s="98">
        <v>8.3917994134531521E-3</v>
      </c>
    </row>
    <row r="142" spans="1:15">
      <c r="A142" s="49" t="s">
        <v>450</v>
      </c>
      <c r="B142" s="258">
        <v>3532</v>
      </c>
      <c r="C142" s="262">
        <v>0.12677489359101099</v>
      </c>
      <c r="D142" s="101">
        <v>1.0982384120593646E-2</v>
      </c>
      <c r="E142" s="262">
        <v>9.5503774992007046E-2</v>
      </c>
      <c r="F142" s="101">
        <v>9.7082648682942276E-3</v>
      </c>
      <c r="G142" s="262">
        <v>0.77772133141698196</v>
      </c>
      <c r="H142" s="101">
        <v>1.3711336890647144E-2</v>
      </c>
      <c r="I142" s="258">
        <v>3408</v>
      </c>
      <c r="J142" s="262">
        <v>0.17156117136040816</v>
      </c>
      <c r="K142" s="101">
        <v>1.2661266193230476E-2</v>
      </c>
      <c r="L142" s="262">
        <v>0.13334757884329873</v>
      </c>
      <c r="M142" s="101">
        <v>1.1422409214005658E-2</v>
      </c>
      <c r="N142" s="262">
        <v>0.69509124979629311</v>
      </c>
      <c r="O142" s="101">
        <v>1.5450721844595719E-2</v>
      </c>
    </row>
    <row r="143" spans="1:15">
      <c r="A143" s="53" t="s">
        <v>451</v>
      </c>
      <c r="B143" s="54">
        <v>280</v>
      </c>
      <c r="C143" s="190">
        <v>0.13164319332605165</v>
      </c>
      <c r="D143" s="98">
        <v>3.9970307824281598E-2</v>
      </c>
      <c r="E143" s="190">
        <v>6.2599126499846308E-2</v>
      </c>
      <c r="F143" s="98">
        <v>2.943030584214806E-2</v>
      </c>
      <c r="G143" s="190">
        <v>0.8057576801741021</v>
      </c>
      <c r="H143" s="98">
        <v>4.6394772388749429E-2</v>
      </c>
      <c r="I143" s="54">
        <v>267</v>
      </c>
      <c r="J143" s="190">
        <v>0.11923879603687895</v>
      </c>
      <c r="K143" s="98">
        <v>3.9356838070143826E-2</v>
      </c>
      <c r="L143" s="190">
        <v>7.7660429090047001E-2</v>
      </c>
      <c r="M143" s="98">
        <v>3.3007320185891469E-2</v>
      </c>
      <c r="N143" s="190">
        <v>0.80310077487307407</v>
      </c>
      <c r="O143" s="98">
        <v>4.774677801594427E-2</v>
      </c>
    </row>
    <row r="144" spans="1:15">
      <c r="A144" s="49" t="s">
        <v>452</v>
      </c>
      <c r="B144" s="258">
        <v>177</v>
      </c>
      <c r="C144" s="262">
        <v>0.18023932391708344</v>
      </c>
      <c r="D144" s="101">
        <v>5.6840256468713692E-2</v>
      </c>
      <c r="E144" s="262">
        <v>6.5731616014843522E-2</v>
      </c>
      <c r="F144" s="101">
        <v>3.8449502854792046E-2</v>
      </c>
      <c r="G144" s="262">
        <v>0.75402906006807302</v>
      </c>
      <c r="H144" s="101">
        <v>6.3216479559749378E-2</v>
      </c>
      <c r="I144" s="258">
        <v>165</v>
      </c>
      <c r="J144" s="262">
        <v>0.22352593766626264</v>
      </c>
      <c r="K144" s="101">
        <v>6.3455334735000216E-2</v>
      </c>
      <c r="L144" s="262">
        <v>0.19816526090595687</v>
      </c>
      <c r="M144" s="101">
        <v>6.0899829754584731E-2</v>
      </c>
      <c r="N144" s="262">
        <v>0.57830880142778041</v>
      </c>
      <c r="O144" s="101">
        <v>7.4498093343374192E-2</v>
      </c>
    </row>
    <row r="145" spans="1:15">
      <c r="A145" s="57" t="s">
        <v>453</v>
      </c>
      <c r="B145" s="255">
        <v>359</v>
      </c>
      <c r="C145" s="261">
        <v>5.5959601158196828E-2</v>
      </c>
      <c r="D145" s="98">
        <v>2.4592871251495226E-2</v>
      </c>
      <c r="E145" s="261">
        <v>7.8735484957369165E-2</v>
      </c>
      <c r="F145" s="98">
        <v>2.8439535128943275E-2</v>
      </c>
      <c r="G145" s="261">
        <v>0.86530491388443398</v>
      </c>
      <c r="H145" s="98">
        <v>3.5558637892802274E-2</v>
      </c>
      <c r="I145" s="255">
        <v>350</v>
      </c>
      <c r="J145" s="261">
        <v>9.4007553872388114E-2</v>
      </c>
      <c r="K145" s="98">
        <v>3.105574443501968E-2</v>
      </c>
      <c r="L145" s="261">
        <v>0.14111788413384804</v>
      </c>
      <c r="M145" s="98">
        <v>3.6697505384570825E-2</v>
      </c>
      <c r="N145" s="261">
        <v>0.7648745619937638</v>
      </c>
      <c r="O145" s="98">
        <v>4.4370532677987511E-2</v>
      </c>
    </row>
    <row r="146" spans="1:15">
      <c r="A146" s="49" t="s">
        <v>454</v>
      </c>
      <c r="B146" s="258">
        <v>703</v>
      </c>
      <c r="C146" s="262">
        <v>0.15451989037237149</v>
      </c>
      <c r="D146" s="101">
        <v>2.6780413410668752E-2</v>
      </c>
      <c r="E146" s="262">
        <v>0.12986514016170511</v>
      </c>
      <c r="F146" s="101">
        <v>2.4948035189402758E-2</v>
      </c>
      <c r="G146" s="262">
        <v>0.7156149694659234</v>
      </c>
      <c r="H146" s="101">
        <v>3.3296488377068049E-2</v>
      </c>
      <c r="I146" s="258">
        <v>685</v>
      </c>
      <c r="J146" s="262">
        <v>0.18597625193587683</v>
      </c>
      <c r="K146" s="101">
        <v>2.9162526328889316E-2</v>
      </c>
      <c r="L146" s="262">
        <v>0.15021884631649651</v>
      </c>
      <c r="M146" s="101">
        <v>2.6826155173877451E-2</v>
      </c>
      <c r="N146" s="262">
        <v>0.66380490174762663</v>
      </c>
      <c r="O146" s="101">
        <v>3.5299164732409197E-2</v>
      </c>
    </row>
    <row r="147" spans="1:15">
      <c r="A147" s="57" t="s">
        <v>455</v>
      </c>
      <c r="B147" s="255">
        <v>216</v>
      </c>
      <c r="C147" s="261">
        <v>0.17754126814076096</v>
      </c>
      <c r="D147" s="98">
        <v>5.1139078531534855E-2</v>
      </c>
      <c r="E147" s="261">
        <v>9.98644616387665E-2</v>
      </c>
      <c r="F147" s="98">
        <v>4.0870656806580537E-2</v>
      </c>
      <c r="G147" s="261">
        <v>0.72259427022047251</v>
      </c>
      <c r="H147" s="98">
        <v>5.942582429808746E-2</v>
      </c>
      <c r="I147" s="255">
        <v>215</v>
      </c>
      <c r="J147" s="261">
        <v>0.19140144726795372</v>
      </c>
      <c r="K147" s="98">
        <v>5.2681297714630225E-2</v>
      </c>
      <c r="L147" s="261">
        <v>0.17085265102265085</v>
      </c>
      <c r="M147" s="98">
        <v>5.0534734815158459E-2</v>
      </c>
      <c r="N147" s="261">
        <v>0.63774590170939549</v>
      </c>
      <c r="O147" s="98">
        <v>6.3754239855147138E-2</v>
      </c>
    </row>
    <row r="148" spans="1:15">
      <c r="A148" s="49" t="s">
        <v>456</v>
      </c>
      <c r="B148" s="258">
        <v>662</v>
      </c>
      <c r="C148" s="262">
        <v>0.10726017433003646</v>
      </c>
      <c r="D148" s="101">
        <v>2.3727379046218921E-2</v>
      </c>
      <c r="E148" s="262">
        <v>0.10183066205991173</v>
      </c>
      <c r="F148" s="101">
        <v>2.3205930233591632E-2</v>
      </c>
      <c r="G148" s="262">
        <v>0.79090916361005181</v>
      </c>
      <c r="H148" s="101">
        <v>3.0979650378453596E-2</v>
      </c>
      <c r="I148" s="258">
        <v>638</v>
      </c>
      <c r="J148" s="262">
        <v>0.18098865607419085</v>
      </c>
      <c r="K148" s="101">
        <v>2.990909510570551E-2</v>
      </c>
      <c r="L148" s="262">
        <v>0.10398261696741289</v>
      </c>
      <c r="M148" s="101">
        <v>2.3857275553526538E-2</v>
      </c>
      <c r="N148" s="262">
        <v>0.71502872695839625</v>
      </c>
      <c r="O148" s="101">
        <v>3.4967298666567496E-2</v>
      </c>
    </row>
    <row r="149" spans="1:15">
      <c r="A149" s="57" t="s">
        <v>457</v>
      </c>
      <c r="B149" s="255">
        <v>210</v>
      </c>
      <c r="C149" s="261">
        <v>0.1157552153143412</v>
      </c>
      <c r="D149" s="98">
        <v>4.3995315170621024E-2</v>
      </c>
      <c r="E149" s="261">
        <v>0.10430001230650418</v>
      </c>
      <c r="F149" s="98">
        <v>4.2203577743126323E-2</v>
      </c>
      <c r="G149" s="261">
        <v>0.7799447723791546</v>
      </c>
      <c r="H149" s="98">
        <v>5.5974245308187003E-2</v>
      </c>
      <c r="I149" s="255">
        <v>205</v>
      </c>
      <c r="J149" s="261">
        <v>0.10662060388298937</v>
      </c>
      <c r="K149" s="98">
        <v>4.3112179647695051E-2</v>
      </c>
      <c r="L149" s="261">
        <v>0.14942752252322231</v>
      </c>
      <c r="M149" s="98">
        <v>4.9212096355885401E-2</v>
      </c>
      <c r="N149" s="261">
        <v>0.74395187359378834</v>
      </c>
      <c r="O149" s="98">
        <v>5.9521380651444362E-2</v>
      </c>
    </row>
    <row r="150" spans="1:15">
      <c r="A150" s="49" t="s">
        <v>458</v>
      </c>
      <c r="B150" s="258">
        <v>299</v>
      </c>
      <c r="C150" s="262">
        <v>0.27135333434114545</v>
      </c>
      <c r="D150" s="101">
        <v>5.0241379531609121E-2</v>
      </c>
      <c r="E150" s="262">
        <v>0.11804545290325634</v>
      </c>
      <c r="F150" s="101">
        <v>3.6993059666720819E-2</v>
      </c>
      <c r="G150" s="262">
        <v>0.6106012127555982</v>
      </c>
      <c r="H150" s="101">
        <v>5.4941903949055043E-2</v>
      </c>
      <c r="I150" s="258">
        <v>274</v>
      </c>
      <c r="J150" s="262">
        <v>0.35556315349679235</v>
      </c>
      <c r="K150" s="101">
        <v>5.6343825844441559E-2</v>
      </c>
      <c r="L150" s="262">
        <v>0.24796252957845555</v>
      </c>
      <c r="M150" s="101">
        <v>5.1009323114264378E-2</v>
      </c>
      <c r="N150" s="262">
        <v>0.39647431692475205</v>
      </c>
      <c r="O150" s="101">
        <v>5.7539592051875144E-2</v>
      </c>
    </row>
    <row r="151" spans="1:15">
      <c r="A151" s="57" t="s">
        <v>459</v>
      </c>
      <c r="B151" s="255">
        <v>453</v>
      </c>
      <c r="C151" s="261">
        <v>6.5471639413693175E-2</v>
      </c>
      <c r="D151" s="98">
        <v>2.3280740311732724E-2</v>
      </c>
      <c r="E151" s="261">
        <v>7.457863045631033E-2</v>
      </c>
      <c r="F151" s="98">
        <v>2.4630844800353106E-2</v>
      </c>
      <c r="G151" s="261">
        <v>0.85994973012999654</v>
      </c>
      <c r="H151" s="98">
        <v>3.2115170938109949E-2</v>
      </c>
      <c r="I151" s="255">
        <v>441</v>
      </c>
      <c r="J151" s="261">
        <v>0.13574765229928118</v>
      </c>
      <c r="K151" s="98">
        <v>3.2145015339813926E-2</v>
      </c>
      <c r="L151" s="261">
        <v>9.0270199398880854E-2</v>
      </c>
      <c r="M151" s="98">
        <v>2.7108600335748096E-2</v>
      </c>
      <c r="N151" s="261">
        <v>0.77398214830183798</v>
      </c>
      <c r="O151" s="98">
        <v>3.9009839640867842E-2</v>
      </c>
    </row>
    <row r="152" spans="1:15">
      <c r="A152" s="49" t="s">
        <v>460</v>
      </c>
      <c r="B152" s="258">
        <v>163</v>
      </c>
      <c r="C152" s="262">
        <v>8.8646394596961026E-2</v>
      </c>
      <c r="D152" s="101">
        <v>4.5195708368633798E-2</v>
      </c>
      <c r="E152" s="262">
        <v>0.11568986513540222</v>
      </c>
      <c r="F152" s="101">
        <v>5.014184303087435E-2</v>
      </c>
      <c r="G152" s="262">
        <v>0.79566374026763675</v>
      </c>
      <c r="H152" s="101">
        <v>6.1928743033046241E-2</v>
      </c>
      <c r="I152" s="258">
        <v>157</v>
      </c>
      <c r="J152" s="262">
        <v>0.17605262861978599</v>
      </c>
      <c r="K152" s="101">
        <v>5.9867264862980447E-2</v>
      </c>
      <c r="L152" s="262">
        <v>0.1594841641487417</v>
      </c>
      <c r="M152" s="101">
        <v>5.7743333097127106E-2</v>
      </c>
      <c r="N152" s="262">
        <v>0.66446320723147234</v>
      </c>
      <c r="O152" s="101">
        <v>7.3153919255195793E-2</v>
      </c>
    </row>
    <row r="155" spans="1:15" ht="18.75">
      <c r="A155" s="331" t="s">
        <v>67</v>
      </c>
      <c r="B155" s="331"/>
      <c r="C155" s="331"/>
      <c r="D155" s="331"/>
    </row>
    <row r="156" spans="1:15" ht="118.5" customHeight="1">
      <c r="A156" s="364" t="s">
        <v>410</v>
      </c>
      <c r="B156" s="364"/>
      <c r="C156" s="364"/>
      <c r="D156" s="364"/>
    </row>
    <row r="157" spans="1:15" ht="31.5" customHeight="1">
      <c r="A157" s="333" t="s">
        <v>271</v>
      </c>
      <c r="B157" s="333"/>
      <c r="C157" s="333"/>
      <c r="D157" s="333"/>
    </row>
    <row r="158" spans="1:15" ht="42" customHeight="1">
      <c r="A158" s="37" t="s">
        <v>114</v>
      </c>
      <c r="B158" s="38" t="s">
        <v>115</v>
      </c>
      <c r="C158" s="39" t="s">
        <v>116</v>
      </c>
      <c r="D158" s="40" t="s">
        <v>117</v>
      </c>
    </row>
    <row r="159" spans="1:15" ht="72">
      <c r="A159" s="41"/>
      <c r="B159" s="42" t="s">
        <v>118</v>
      </c>
      <c r="C159" s="136" t="s">
        <v>247</v>
      </c>
      <c r="D159" s="44" t="s">
        <v>120</v>
      </c>
    </row>
    <row r="160" spans="1:15">
      <c r="A160" s="45" t="s">
        <v>449</v>
      </c>
      <c r="B160" s="263">
        <v>12078</v>
      </c>
      <c r="C160" s="264">
        <v>4.1926140888622649</v>
      </c>
      <c r="D160" s="265">
        <v>4.9076500843944437E-2</v>
      </c>
    </row>
    <row r="161" spans="1:36">
      <c r="A161" s="49" t="s">
        <v>450</v>
      </c>
      <c r="B161" s="266">
        <v>3364</v>
      </c>
      <c r="C161" s="267">
        <v>4.3223437696695211</v>
      </c>
      <c r="D161" s="268">
        <v>9.3272734139667079E-2</v>
      </c>
    </row>
    <row r="162" spans="1:36">
      <c r="A162" s="53" t="s">
        <v>451</v>
      </c>
      <c r="B162" s="83">
        <v>276</v>
      </c>
      <c r="C162" s="84">
        <v>4.8888057042641</v>
      </c>
      <c r="D162" s="85">
        <v>0.27909879370891222</v>
      </c>
    </row>
    <row r="163" spans="1:36">
      <c r="A163" s="49" t="s">
        <v>452</v>
      </c>
      <c r="B163" s="266">
        <v>175</v>
      </c>
      <c r="C163" s="267">
        <v>4.1782783908239951</v>
      </c>
      <c r="D163" s="268">
        <v>0.38644768283798125</v>
      </c>
    </row>
    <row r="164" spans="1:36">
      <c r="A164" s="57" t="s">
        <v>453</v>
      </c>
      <c r="B164" s="263">
        <v>349</v>
      </c>
      <c r="C164" s="264">
        <v>4.4590277813211445</v>
      </c>
      <c r="D164" s="265">
        <v>0.2633906236169965</v>
      </c>
    </row>
    <row r="165" spans="1:36">
      <c r="A165" s="49" t="s">
        <v>454</v>
      </c>
      <c r="B165" s="266">
        <v>697</v>
      </c>
      <c r="C165" s="267">
        <v>4.2640328522294491</v>
      </c>
      <c r="D165" s="268">
        <v>0.23329930276229849</v>
      </c>
    </row>
    <row r="166" spans="1:36">
      <c r="A166" s="57" t="s">
        <v>455</v>
      </c>
      <c r="B166" s="263">
        <v>212</v>
      </c>
      <c r="C166" s="264">
        <v>4.018378541515502</v>
      </c>
      <c r="D166" s="265">
        <v>0.42868441619338071</v>
      </c>
    </row>
    <row r="167" spans="1:36">
      <c r="A167" s="49" t="s">
        <v>456</v>
      </c>
      <c r="B167" s="266">
        <v>658</v>
      </c>
      <c r="C167" s="267">
        <v>4.2925727717718853</v>
      </c>
      <c r="D167" s="268">
        <v>0.20325196302951909</v>
      </c>
    </row>
    <row r="168" spans="1:36">
      <c r="A168" s="57" t="s">
        <v>457</v>
      </c>
      <c r="B168" s="263">
        <v>208</v>
      </c>
      <c r="C168" s="264">
        <v>4.3590281253525305</v>
      </c>
      <c r="D168" s="265">
        <v>0.34764631891189701</v>
      </c>
    </row>
    <row r="169" spans="1:36">
      <c r="A169" s="49" t="s">
        <v>458</v>
      </c>
      <c r="B169" s="266">
        <v>293</v>
      </c>
      <c r="C169" s="267">
        <v>3.6232861722543297</v>
      </c>
      <c r="D169" s="268">
        <v>0.32504092361986636</v>
      </c>
    </row>
    <row r="170" spans="1:36">
      <c r="A170" s="57" t="s">
        <v>459</v>
      </c>
      <c r="B170" s="263">
        <v>451</v>
      </c>
      <c r="C170" s="264">
        <v>4.5058778741639456</v>
      </c>
      <c r="D170" s="265">
        <v>0.22718402183573172</v>
      </c>
    </row>
    <row r="171" spans="1:36">
      <c r="A171" s="49" t="s">
        <v>460</v>
      </c>
      <c r="B171" s="266">
        <v>159</v>
      </c>
      <c r="C171" s="267">
        <v>4.078029418974551</v>
      </c>
      <c r="D171" s="268">
        <v>0.40456911116735261</v>
      </c>
    </row>
    <row r="174" spans="1:36" ht="18.75">
      <c r="A174" s="331" t="s">
        <v>68</v>
      </c>
      <c r="B174" s="331"/>
      <c r="C174" s="331"/>
      <c r="D174" s="331"/>
      <c r="E174" s="331"/>
      <c r="F174" s="331"/>
      <c r="G174" s="331"/>
      <c r="H174" s="331"/>
      <c r="I174" s="331"/>
      <c r="J174" s="331"/>
      <c r="K174" s="331"/>
      <c r="L174" s="331"/>
      <c r="M174" s="331"/>
      <c r="N174" s="331"/>
      <c r="O174" s="331"/>
      <c r="P174" s="331"/>
      <c r="Q174" s="331"/>
      <c r="R174" s="331"/>
      <c r="S174" s="331"/>
      <c r="T174" s="331"/>
      <c r="U174" s="331"/>
      <c r="V174" s="331"/>
      <c r="W174" s="331"/>
      <c r="X174" s="331"/>
      <c r="Y174" s="331"/>
      <c r="Z174" s="331"/>
      <c r="AA174" s="331"/>
      <c r="AB174" s="331"/>
      <c r="AC174" s="331"/>
      <c r="AD174" s="331"/>
      <c r="AE174" s="331"/>
      <c r="AF174" s="331"/>
      <c r="AG174" s="331"/>
      <c r="AH174" s="331"/>
      <c r="AI174" s="331"/>
      <c r="AJ174" s="331"/>
    </row>
    <row r="175" spans="1:36" ht="70.5" customHeight="1">
      <c r="A175" s="362" t="s">
        <v>412</v>
      </c>
      <c r="B175" s="362"/>
      <c r="C175" s="362"/>
      <c r="D175" s="362"/>
      <c r="E175" s="362"/>
      <c r="F175" s="362"/>
      <c r="G175" s="362"/>
      <c r="H175" s="362"/>
      <c r="I175" s="362"/>
      <c r="J175" s="362"/>
      <c r="K175" s="362"/>
      <c r="L175" s="362"/>
      <c r="M175" s="362"/>
      <c r="N175" s="362"/>
      <c r="O175" s="362"/>
      <c r="P175" s="362"/>
      <c r="Q175" s="362"/>
      <c r="R175" s="362"/>
      <c r="S175" s="362"/>
      <c r="T175" s="362"/>
      <c r="U175" s="362"/>
      <c r="V175" s="362"/>
      <c r="W175" s="362"/>
      <c r="X175" s="362"/>
      <c r="Y175" s="362"/>
      <c r="Z175" s="362"/>
      <c r="AA175" s="362"/>
      <c r="AB175" s="362"/>
      <c r="AC175" s="362"/>
      <c r="AD175" s="362"/>
      <c r="AE175" s="362"/>
      <c r="AF175" s="362"/>
      <c r="AG175" s="362"/>
      <c r="AH175" s="362"/>
      <c r="AI175" s="362"/>
      <c r="AJ175" s="362"/>
    </row>
    <row r="176" spans="1:36" ht="33" customHeight="1">
      <c r="A176" s="64"/>
      <c r="B176" s="351" t="s">
        <v>411</v>
      </c>
      <c r="C176" s="351"/>
      <c r="D176" s="351"/>
      <c r="E176" s="351"/>
      <c r="F176" s="351"/>
      <c r="G176" s="351"/>
      <c r="H176" s="351"/>
      <c r="I176" s="351" t="s">
        <v>413</v>
      </c>
      <c r="J176" s="351"/>
      <c r="K176" s="351"/>
      <c r="L176" s="351"/>
      <c r="M176" s="351"/>
      <c r="N176" s="351"/>
      <c r="O176" s="351"/>
      <c r="P176" s="351" t="s">
        <v>414</v>
      </c>
      <c r="Q176" s="351"/>
      <c r="R176" s="351"/>
      <c r="S176" s="351"/>
      <c r="T176" s="351"/>
      <c r="U176" s="351"/>
      <c r="V176" s="351"/>
      <c r="W176" s="351" t="s">
        <v>415</v>
      </c>
      <c r="X176" s="351"/>
      <c r="Y176" s="351"/>
      <c r="Z176" s="351"/>
      <c r="AA176" s="351"/>
      <c r="AB176" s="351"/>
      <c r="AC176" s="351"/>
      <c r="AD176" s="351" t="s">
        <v>416</v>
      </c>
      <c r="AE176" s="351"/>
      <c r="AF176" s="351"/>
      <c r="AG176" s="351"/>
      <c r="AH176" s="351"/>
      <c r="AI176" s="351"/>
      <c r="AJ176" s="351"/>
    </row>
    <row r="177" spans="1:36" ht="41.25" customHeight="1">
      <c r="A177" s="37" t="s">
        <v>114</v>
      </c>
      <c r="B177" s="38" t="s">
        <v>115</v>
      </c>
      <c r="C177" s="38" t="s">
        <v>252</v>
      </c>
      <c r="D177" s="93" t="s">
        <v>253</v>
      </c>
      <c r="E177" s="38" t="s">
        <v>254</v>
      </c>
      <c r="F177" s="93" t="s">
        <v>255</v>
      </c>
      <c r="G177" s="38" t="s">
        <v>256</v>
      </c>
      <c r="H177" s="93" t="s">
        <v>195</v>
      </c>
      <c r="I177" s="65" t="s">
        <v>115</v>
      </c>
      <c r="J177" s="65" t="s">
        <v>252</v>
      </c>
      <c r="K177" s="92" t="s">
        <v>253</v>
      </c>
      <c r="L177" s="65" t="s">
        <v>254</v>
      </c>
      <c r="M177" s="92" t="s">
        <v>255</v>
      </c>
      <c r="N177" s="65" t="s">
        <v>256</v>
      </c>
      <c r="O177" s="92" t="s">
        <v>195</v>
      </c>
      <c r="P177" s="38" t="s">
        <v>115</v>
      </c>
      <c r="Q177" s="38" t="s">
        <v>252</v>
      </c>
      <c r="R177" s="93" t="s">
        <v>253</v>
      </c>
      <c r="S177" s="38" t="s">
        <v>254</v>
      </c>
      <c r="T177" s="93" t="s">
        <v>255</v>
      </c>
      <c r="U177" s="38" t="s">
        <v>256</v>
      </c>
      <c r="V177" s="93" t="s">
        <v>195</v>
      </c>
      <c r="W177" s="65" t="s">
        <v>115</v>
      </c>
      <c r="X177" s="65" t="s">
        <v>252</v>
      </c>
      <c r="Y177" s="92" t="s">
        <v>253</v>
      </c>
      <c r="Z177" s="65" t="s">
        <v>254</v>
      </c>
      <c r="AA177" s="92" t="s">
        <v>255</v>
      </c>
      <c r="AB177" s="65" t="s">
        <v>256</v>
      </c>
      <c r="AC177" s="92" t="s">
        <v>195</v>
      </c>
      <c r="AD177" s="38" t="s">
        <v>115</v>
      </c>
      <c r="AE177" s="38" t="s">
        <v>252</v>
      </c>
      <c r="AF177" s="93" t="s">
        <v>253</v>
      </c>
      <c r="AG177" s="38" t="s">
        <v>254</v>
      </c>
      <c r="AH177" s="93" t="s">
        <v>255</v>
      </c>
      <c r="AI177" s="38" t="s">
        <v>256</v>
      </c>
      <c r="AJ177" s="93" t="s">
        <v>195</v>
      </c>
    </row>
    <row r="178" spans="1:36" ht="72">
      <c r="A178" s="41"/>
      <c r="B178" s="42" t="s">
        <v>118</v>
      </c>
      <c r="C178" s="42" t="s">
        <v>303</v>
      </c>
      <c r="D178" s="95" t="s">
        <v>148</v>
      </c>
      <c r="E178" s="42" t="s">
        <v>304</v>
      </c>
      <c r="F178" s="95" t="s">
        <v>148</v>
      </c>
      <c r="G178" s="42" t="s">
        <v>305</v>
      </c>
      <c r="H178" s="95" t="s">
        <v>148</v>
      </c>
      <c r="I178" s="68" t="s">
        <v>118</v>
      </c>
      <c r="J178" s="68" t="s">
        <v>303</v>
      </c>
      <c r="K178" s="94" t="s">
        <v>148</v>
      </c>
      <c r="L178" s="68" t="s">
        <v>304</v>
      </c>
      <c r="M178" s="94" t="s">
        <v>148</v>
      </c>
      <c r="N178" s="68" t="s">
        <v>305</v>
      </c>
      <c r="O178" s="94" t="s">
        <v>148</v>
      </c>
      <c r="P178" s="42" t="s">
        <v>118</v>
      </c>
      <c r="Q178" s="42" t="s">
        <v>303</v>
      </c>
      <c r="R178" s="95" t="s">
        <v>148</v>
      </c>
      <c r="S178" s="42" t="s">
        <v>304</v>
      </c>
      <c r="T178" s="95" t="s">
        <v>148</v>
      </c>
      <c r="U178" s="42" t="s">
        <v>305</v>
      </c>
      <c r="V178" s="95" t="s">
        <v>148</v>
      </c>
      <c r="W178" s="68" t="s">
        <v>118</v>
      </c>
      <c r="X178" s="68" t="s">
        <v>303</v>
      </c>
      <c r="Y178" s="94" t="s">
        <v>148</v>
      </c>
      <c r="Z178" s="68" t="s">
        <v>304</v>
      </c>
      <c r="AA178" s="94" t="s">
        <v>148</v>
      </c>
      <c r="AB178" s="68" t="s">
        <v>305</v>
      </c>
      <c r="AC178" s="94" t="s">
        <v>148</v>
      </c>
      <c r="AD178" s="42" t="s">
        <v>118</v>
      </c>
      <c r="AE178" s="42" t="s">
        <v>303</v>
      </c>
      <c r="AF178" s="95" t="s">
        <v>148</v>
      </c>
      <c r="AG178" s="42" t="s">
        <v>304</v>
      </c>
      <c r="AH178" s="95" t="s">
        <v>148</v>
      </c>
      <c r="AI178" s="42" t="s">
        <v>305</v>
      </c>
      <c r="AJ178" s="95" t="s">
        <v>148</v>
      </c>
    </row>
    <row r="179" spans="1:36">
      <c r="A179" s="45" t="s">
        <v>449</v>
      </c>
      <c r="B179" s="263">
        <v>12727</v>
      </c>
      <c r="C179" s="269">
        <v>0.27278908462855939</v>
      </c>
      <c r="D179" s="98">
        <v>7.7375595187592341E-3</v>
      </c>
      <c r="E179" s="269">
        <v>0.1268279632725578</v>
      </c>
      <c r="F179" s="98">
        <v>5.7830070731710384E-3</v>
      </c>
      <c r="G179" s="269">
        <v>0.60038295209888282</v>
      </c>
      <c r="H179" s="98">
        <v>8.5087687742872661E-3</v>
      </c>
      <c r="I179" s="263">
        <v>12752</v>
      </c>
      <c r="J179" s="269">
        <v>0.25953058038529764</v>
      </c>
      <c r="K179" s="98">
        <v>7.6082997898237331E-3</v>
      </c>
      <c r="L179" s="269">
        <v>0.10330578314456425</v>
      </c>
      <c r="M179" s="98">
        <v>5.2846290756181731E-3</v>
      </c>
      <c r="N179" s="269">
        <v>0.63716363647013807</v>
      </c>
      <c r="O179" s="98">
        <v>8.344316926146414E-3</v>
      </c>
      <c r="P179" s="263">
        <v>12473</v>
      </c>
      <c r="Q179" s="269">
        <v>0.40441711975162603</v>
      </c>
      <c r="R179" s="98">
        <v>8.6117642574307738E-3</v>
      </c>
      <c r="S179" s="269">
        <v>0.13509042885643072</v>
      </c>
      <c r="T179" s="98">
        <v>6.0000824391698059E-3</v>
      </c>
      <c r="U179" s="269">
        <v>0.46049245139194322</v>
      </c>
      <c r="V179" s="98">
        <v>8.7460484509707167E-3</v>
      </c>
      <c r="W179" s="263">
        <v>12447</v>
      </c>
      <c r="X179" s="269">
        <v>0.41184555014524871</v>
      </c>
      <c r="Y179" s="98">
        <v>8.6451257082395573E-3</v>
      </c>
      <c r="Z179" s="269">
        <v>0.14495793909519414</v>
      </c>
      <c r="AA179" s="98">
        <v>6.1860086662780265E-3</v>
      </c>
      <c r="AB179" s="269">
        <v>0.44319651075955718</v>
      </c>
      <c r="AC179" s="98">
        <v>8.7257932618434991E-3</v>
      </c>
      <c r="AD179" s="263">
        <v>12454</v>
      </c>
      <c r="AE179" s="269">
        <v>0.39801921784764011</v>
      </c>
      <c r="AF179" s="98">
        <v>8.5957008789744639E-3</v>
      </c>
      <c r="AG179" s="269">
        <v>0.17956068930222707</v>
      </c>
      <c r="AH179" s="98">
        <v>6.7415215182809679E-3</v>
      </c>
      <c r="AI179" s="269">
        <v>0.42242009285013282</v>
      </c>
      <c r="AJ179" s="98">
        <v>8.6738851914975098E-3</v>
      </c>
    </row>
    <row r="180" spans="1:36">
      <c r="A180" s="49" t="s">
        <v>450</v>
      </c>
      <c r="B180" s="266">
        <v>3569</v>
      </c>
      <c r="C180" s="270">
        <v>0.24253679478051107</v>
      </c>
      <c r="D180" s="101">
        <v>1.4059970559986307E-2</v>
      </c>
      <c r="E180" s="270">
        <v>0.12312029972613704</v>
      </c>
      <c r="F180" s="101">
        <v>1.0789784308517318E-2</v>
      </c>
      <c r="G180" s="270">
        <v>0.63434290549335193</v>
      </c>
      <c r="H180" s="101">
        <v>1.5793428365211311E-2</v>
      </c>
      <c r="I180" s="266">
        <v>3579</v>
      </c>
      <c r="J180" s="270">
        <v>0.25123025432706242</v>
      </c>
      <c r="K180" s="101">
        <v>1.4206992041389629E-2</v>
      </c>
      <c r="L180" s="270">
        <v>0.10647390269343777</v>
      </c>
      <c r="M180" s="101">
        <v>1.0118012642713697E-2</v>
      </c>
      <c r="N180" s="270">
        <v>0.64229584297949982</v>
      </c>
      <c r="O180" s="101">
        <v>1.5696575650381125E-2</v>
      </c>
      <c r="P180" s="266">
        <v>3481</v>
      </c>
      <c r="Q180" s="270">
        <v>0.36314656693286285</v>
      </c>
      <c r="R180" s="101">
        <v>1.5968191756112093E-2</v>
      </c>
      <c r="S180" s="270">
        <v>0.1378793342144338</v>
      </c>
      <c r="T180" s="101">
        <v>1.1461387168095923E-2</v>
      </c>
      <c r="U180" s="270">
        <v>0.49897409885270338</v>
      </c>
      <c r="V180" s="101">
        <v>1.6600599512908473E-2</v>
      </c>
      <c r="W180" s="266">
        <v>3476</v>
      </c>
      <c r="X180" s="270">
        <v>0.37660169759279966</v>
      </c>
      <c r="Y180" s="101">
        <v>1.6099884098747311E-2</v>
      </c>
      <c r="Z180" s="270">
        <v>0.1442981392850817</v>
      </c>
      <c r="AA180" s="101">
        <v>1.1688766100974088E-2</v>
      </c>
      <c r="AB180" s="270">
        <v>0.47910016312211862</v>
      </c>
      <c r="AC180" s="101">
        <v>1.659807003222416E-2</v>
      </c>
      <c r="AD180" s="266">
        <v>3486</v>
      </c>
      <c r="AE180" s="270">
        <v>0.36618139739453953</v>
      </c>
      <c r="AF180" s="101">
        <v>1.5984989942682749E-2</v>
      </c>
      <c r="AG180" s="270">
        <v>0.17264367410177034</v>
      </c>
      <c r="AH180" s="101">
        <v>1.2549831393148974E-2</v>
      </c>
      <c r="AI180" s="270">
        <v>0.46117492850369013</v>
      </c>
      <c r="AJ180" s="101">
        <v>1.6538766577243531E-2</v>
      </c>
    </row>
    <row r="181" spans="1:36">
      <c r="A181" s="53" t="s">
        <v>451</v>
      </c>
      <c r="B181" s="54">
        <v>284</v>
      </c>
      <c r="C181" s="190">
        <v>0.14216638828577288</v>
      </c>
      <c r="D181" s="98">
        <v>4.0912833397935361E-2</v>
      </c>
      <c r="E181" s="190">
        <v>6.6243047500680566E-2</v>
      </c>
      <c r="F181" s="98">
        <v>2.990491614097178E-2</v>
      </c>
      <c r="G181" s="190">
        <v>0.79159056421354657</v>
      </c>
      <c r="H181" s="98">
        <v>4.7242645336287629E-2</v>
      </c>
      <c r="I181" s="54">
        <v>285</v>
      </c>
      <c r="J181" s="190">
        <v>0.19953393452054674</v>
      </c>
      <c r="K181" s="98">
        <v>4.6433901834473643E-2</v>
      </c>
      <c r="L181" s="190">
        <v>5.7640871718269641E-2</v>
      </c>
      <c r="M181" s="98">
        <v>2.8169943401778124E-2</v>
      </c>
      <c r="N181" s="190">
        <v>0.74282519376118361</v>
      </c>
      <c r="O181" s="98">
        <v>5.0605693533107871E-2</v>
      </c>
      <c r="P181" s="54">
        <v>276</v>
      </c>
      <c r="Q181" s="190">
        <v>0.253534736250773</v>
      </c>
      <c r="R181" s="98">
        <v>5.1188073524863015E-2</v>
      </c>
      <c r="S181" s="190">
        <v>0.1146531536591469</v>
      </c>
      <c r="T181" s="98">
        <v>3.80851714856121E-2</v>
      </c>
      <c r="U181" s="190">
        <v>0.63181211009008009</v>
      </c>
      <c r="V181" s="98">
        <v>5.6554265241535964E-2</v>
      </c>
      <c r="W181" s="54">
        <v>277</v>
      </c>
      <c r="X181" s="190">
        <v>0.27344542344334782</v>
      </c>
      <c r="Y181" s="98">
        <v>5.2306104726907332E-2</v>
      </c>
      <c r="Z181" s="190">
        <v>8.4760914504269105E-2</v>
      </c>
      <c r="AA181" s="98">
        <v>3.357371046626989E-2</v>
      </c>
      <c r="AB181" s="190">
        <v>0.64179366205238308</v>
      </c>
      <c r="AC181" s="98">
        <v>5.6131080736671987E-2</v>
      </c>
      <c r="AD181" s="54">
        <v>277</v>
      </c>
      <c r="AE181" s="190">
        <v>0.24993097836429801</v>
      </c>
      <c r="AF181" s="98">
        <v>5.086294781368577E-2</v>
      </c>
      <c r="AG181" s="190">
        <v>0.16183686217732995</v>
      </c>
      <c r="AH181" s="98">
        <v>4.357324327853189E-2</v>
      </c>
      <c r="AI181" s="190">
        <v>0.58823215945837204</v>
      </c>
      <c r="AJ181" s="98">
        <v>5.7570592465901016E-2</v>
      </c>
    </row>
    <row r="182" spans="1:36">
      <c r="A182" s="49" t="s">
        <v>452</v>
      </c>
      <c r="B182" s="266">
        <v>178</v>
      </c>
      <c r="C182" s="270">
        <v>0.34706455814825782</v>
      </c>
      <c r="D182" s="101">
        <v>6.9315887949554317E-2</v>
      </c>
      <c r="E182" s="270">
        <v>8.1993128187207762E-2</v>
      </c>
      <c r="F182" s="101">
        <v>4.1822434260338902E-2</v>
      </c>
      <c r="G182" s="270">
        <v>0.57094231366453441</v>
      </c>
      <c r="H182" s="101">
        <v>7.1939628966769489E-2</v>
      </c>
      <c r="I182" s="266">
        <v>180</v>
      </c>
      <c r="J182" s="270">
        <v>0.26905295694579506</v>
      </c>
      <c r="K182" s="101">
        <v>6.4450609717910487E-2</v>
      </c>
      <c r="L182" s="270">
        <v>0.12751057924548651</v>
      </c>
      <c r="M182" s="101">
        <v>4.9470399942477053E-2</v>
      </c>
      <c r="N182" s="270">
        <v>0.6034364638087184</v>
      </c>
      <c r="O182" s="101">
        <v>7.0751629820743886E-2</v>
      </c>
      <c r="P182" s="266">
        <v>174</v>
      </c>
      <c r="Q182" s="270">
        <v>0.37726389329268001</v>
      </c>
      <c r="R182" s="101">
        <v>7.1308053393039431E-2</v>
      </c>
      <c r="S182" s="270">
        <v>0.11194360910771256</v>
      </c>
      <c r="T182" s="101">
        <v>4.7853347219136352E-2</v>
      </c>
      <c r="U182" s="270">
        <v>0.51079249759960732</v>
      </c>
      <c r="V182" s="101">
        <v>7.3437752544460735E-2</v>
      </c>
      <c r="W182" s="266">
        <v>175</v>
      </c>
      <c r="X182" s="270">
        <v>0.40279886390451591</v>
      </c>
      <c r="Y182" s="101">
        <v>7.1913524950312016E-2</v>
      </c>
      <c r="Z182" s="270">
        <v>0.19147795130942041</v>
      </c>
      <c r="AA182" s="101">
        <v>5.841931052638271E-2</v>
      </c>
      <c r="AB182" s="270">
        <v>0.40572318478606378</v>
      </c>
      <c r="AC182" s="101">
        <v>7.1993341220430052E-2</v>
      </c>
      <c r="AD182" s="266">
        <v>175</v>
      </c>
      <c r="AE182" s="270">
        <v>0.37290395416816358</v>
      </c>
      <c r="AF182" s="101">
        <v>7.095074601129886E-2</v>
      </c>
      <c r="AG182" s="270">
        <v>0.17582509454143658</v>
      </c>
      <c r="AH182" s="101">
        <v>5.6653905943443716E-2</v>
      </c>
      <c r="AI182" s="270">
        <v>0.45127095129039985</v>
      </c>
      <c r="AJ182" s="101">
        <v>7.2915393433484868E-2</v>
      </c>
    </row>
    <row r="183" spans="1:36">
      <c r="A183" s="57" t="s">
        <v>453</v>
      </c>
      <c r="B183" s="263">
        <v>356</v>
      </c>
      <c r="C183" s="269">
        <v>0.1550084417770205</v>
      </c>
      <c r="D183" s="98">
        <v>3.7759473561472509E-2</v>
      </c>
      <c r="E183" s="269">
        <v>0.13793514086830411</v>
      </c>
      <c r="F183" s="98">
        <v>3.6052811441073161E-2</v>
      </c>
      <c r="G183" s="269">
        <v>0.70705641735467539</v>
      </c>
      <c r="H183" s="98">
        <v>4.7121037249813744E-2</v>
      </c>
      <c r="I183" s="263">
        <v>357</v>
      </c>
      <c r="J183" s="269">
        <v>0.144120021055025</v>
      </c>
      <c r="K183" s="98">
        <v>3.6637837632977052E-2</v>
      </c>
      <c r="L183" s="269">
        <v>9.1807308419038405E-2</v>
      </c>
      <c r="M183" s="98">
        <v>3.0436073504199357E-2</v>
      </c>
      <c r="N183" s="269">
        <v>0.76407267052593664</v>
      </c>
      <c r="O183" s="98">
        <v>4.3984767860368069E-2</v>
      </c>
      <c r="P183" s="263">
        <v>347</v>
      </c>
      <c r="Q183" s="269">
        <v>0.33675843454761778</v>
      </c>
      <c r="R183" s="98">
        <v>4.9508976648295892E-2</v>
      </c>
      <c r="S183" s="269">
        <v>0.177789165910304</v>
      </c>
      <c r="T183" s="98">
        <v>4.0319387851031674E-2</v>
      </c>
      <c r="U183" s="269">
        <v>0.48545239954207831</v>
      </c>
      <c r="V183" s="98">
        <v>5.2286887125585019E-2</v>
      </c>
      <c r="W183" s="263">
        <v>345</v>
      </c>
      <c r="X183" s="269">
        <v>0.32432056875643561</v>
      </c>
      <c r="Y183" s="98">
        <v>4.919227005690463E-2</v>
      </c>
      <c r="Z183" s="269">
        <v>0.17262990469882511</v>
      </c>
      <c r="AA183" s="98">
        <v>3.9988342350461899E-2</v>
      </c>
      <c r="AB183" s="269">
        <v>0.50304952654473922</v>
      </c>
      <c r="AC183" s="98">
        <v>5.2457243848663133E-2</v>
      </c>
      <c r="AD183" s="263">
        <v>349</v>
      </c>
      <c r="AE183" s="269">
        <v>0.36899371077679594</v>
      </c>
      <c r="AF183" s="98">
        <v>5.0379683521298568E-2</v>
      </c>
      <c r="AG183" s="269">
        <v>0.20981756062258422</v>
      </c>
      <c r="AH183" s="98">
        <v>4.2719335269009798E-2</v>
      </c>
      <c r="AI183" s="269">
        <v>0.42118872860061984</v>
      </c>
      <c r="AJ183" s="98">
        <v>5.1522889831066981E-2</v>
      </c>
    </row>
    <row r="184" spans="1:36">
      <c r="A184" s="49" t="s">
        <v>454</v>
      </c>
      <c r="B184" s="266">
        <v>715</v>
      </c>
      <c r="C184" s="270">
        <v>0.26576094447985671</v>
      </c>
      <c r="D184" s="101">
        <v>3.2339430699462442E-2</v>
      </c>
      <c r="E184" s="270">
        <v>0.12511483948829558</v>
      </c>
      <c r="F184" s="101">
        <v>2.4355282975585351E-2</v>
      </c>
      <c r="G184" s="270">
        <v>0.60912421603184763</v>
      </c>
      <c r="H184" s="101">
        <v>3.567667832505312E-2</v>
      </c>
      <c r="I184" s="266">
        <v>715</v>
      </c>
      <c r="J184" s="270">
        <v>0.28735384184923024</v>
      </c>
      <c r="K184" s="101">
        <v>3.3118333550090438E-2</v>
      </c>
      <c r="L184" s="270">
        <v>9.2755104210228714E-2</v>
      </c>
      <c r="M184" s="101">
        <v>2.1434833173477708E-2</v>
      </c>
      <c r="N184" s="270">
        <v>0.619891053940541</v>
      </c>
      <c r="O184" s="101">
        <v>3.5493619197022562E-2</v>
      </c>
      <c r="P184" s="266">
        <v>694</v>
      </c>
      <c r="Q184" s="270">
        <v>0.38990845087783038</v>
      </c>
      <c r="R184" s="101">
        <v>3.6193751014803835E-2</v>
      </c>
      <c r="S184" s="270">
        <v>0.12235153210786366</v>
      </c>
      <c r="T184" s="101">
        <v>2.4494276074271553E-2</v>
      </c>
      <c r="U184" s="270">
        <v>0.48774001701430597</v>
      </c>
      <c r="V184" s="101">
        <v>3.7082521986831735E-2</v>
      </c>
      <c r="W184" s="266">
        <v>696</v>
      </c>
      <c r="X184" s="270">
        <v>0.36876327366696787</v>
      </c>
      <c r="Y184" s="101">
        <v>3.5756913893336226E-2</v>
      </c>
      <c r="Z184" s="270">
        <v>0.12807808911377189</v>
      </c>
      <c r="AA184" s="101">
        <v>2.4930271377243081E-2</v>
      </c>
      <c r="AB184" s="270">
        <v>0.50315863721926024</v>
      </c>
      <c r="AC184" s="101">
        <v>3.7039787664790838E-2</v>
      </c>
      <c r="AD184" s="266">
        <v>695</v>
      </c>
      <c r="AE184" s="270">
        <v>0.40833855404031405</v>
      </c>
      <c r="AF184" s="101">
        <v>3.6446050630816587E-2</v>
      </c>
      <c r="AG184" s="270">
        <v>0.14416150526488408</v>
      </c>
      <c r="AH184" s="101">
        <v>2.6191870130729617E-2</v>
      </c>
      <c r="AI184" s="270">
        <v>0.44749994069480187</v>
      </c>
      <c r="AJ184" s="101">
        <v>3.68644503715536E-2</v>
      </c>
    </row>
    <row r="185" spans="1:36">
      <c r="A185" s="57" t="s">
        <v>455</v>
      </c>
      <c r="B185" s="263">
        <v>218</v>
      </c>
      <c r="C185" s="269">
        <v>0.35420536873611241</v>
      </c>
      <c r="D185" s="98">
        <v>6.3019329256487164E-2</v>
      </c>
      <c r="E185" s="269">
        <v>7.4552599981583229E-2</v>
      </c>
      <c r="F185" s="98">
        <v>3.6135458777090991E-2</v>
      </c>
      <c r="G185" s="269">
        <v>0.57124203128230433</v>
      </c>
      <c r="H185" s="98">
        <v>6.5126299043790289E-2</v>
      </c>
      <c r="I185" s="263">
        <v>219</v>
      </c>
      <c r="J185" s="269">
        <v>0.29196588596824569</v>
      </c>
      <c r="K185" s="98">
        <v>5.9897273711191759E-2</v>
      </c>
      <c r="L185" s="269">
        <v>0.10997776453290072</v>
      </c>
      <c r="M185" s="98">
        <v>4.2182716013133364E-2</v>
      </c>
      <c r="N185" s="269">
        <v>0.59805634949885367</v>
      </c>
      <c r="O185" s="98">
        <v>6.4397032516111258E-2</v>
      </c>
      <c r="P185" s="263">
        <v>212</v>
      </c>
      <c r="Q185" s="269">
        <v>0.45205258663502346</v>
      </c>
      <c r="R185" s="98">
        <v>6.6384556107265597E-2</v>
      </c>
      <c r="S185" s="269">
        <v>0.1066934906619338</v>
      </c>
      <c r="T185" s="98">
        <v>4.2379927793095157E-2</v>
      </c>
      <c r="U185" s="269">
        <v>0.44125392270304276</v>
      </c>
      <c r="V185" s="98">
        <v>6.6235715769511483E-2</v>
      </c>
      <c r="W185" s="263">
        <v>212</v>
      </c>
      <c r="X185" s="269">
        <v>0.44512367697792965</v>
      </c>
      <c r="Y185" s="98">
        <v>6.6292556731901306E-2</v>
      </c>
      <c r="Z185" s="269">
        <v>0.10595321868646777</v>
      </c>
      <c r="AA185" s="98">
        <v>4.2261950541626819E-2</v>
      </c>
      <c r="AB185" s="269">
        <v>0.44892310433560267</v>
      </c>
      <c r="AC185" s="98">
        <v>6.6344555116804593E-2</v>
      </c>
      <c r="AD185" s="263">
        <v>213</v>
      </c>
      <c r="AE185" s="269">
        <v>0.4867405182763313</v>
      </c>
      <c r="AF185" s="98">
        <v>6.6504192854217367E-2</v>
      </c>
      <c r="AG185" s="269">
        <v>0.12055101749402075</v>
      </c>
      <c r="AH185" s="98">
        <v>4.4384376447175328E-2</v>
      </c>
      <c r="AI185" s="269">
        <v>0.392708464229648</v>
      </c>
      <c r="AJ185" s="98">
        <v>6.5034298592295217E-2</v>
      </c>
    </row>
    <row r="186" spans="1:36" ht="18.75" customHeight="1">
      <c r="A186" s="49" t="s">
        <v>456</v>
      </c>
      <c r="B186" s="266">
        <v>668</v>
      </c>
      <c r="C186" s="270">
        <v>0.21232234155653679</v>
      </c>
      <c r="D186" s="101">
        <v>3.1010960769165936E-2</v>
      </c>
      <c r="E186" s="270">
        <v>0.16202785996099142</v>
      </c>
      <c r="F186" s="101">
        <v>2.7998749629180905E-2</v>
      </c>
      <c r="G186" s="270">
        <v>0.62564979848247182</v>
      </c>
      <c r="H186" s="101">
        <v>3.6605790805416621E-2</v>
      </c>
      <c r="I186" s="266">
        <v>678</v>
      </c>
      <c r="J186" s="270">
        <v>0.23249727682134286</v>
      </c>
      <c r="K186" s="101">
        <v>3.1778168154651683E-2</v>
      </c>
      <c r="L186" s="270">
        <v>0.12917391666359981</v>
      </c>
      <c r="M186" s="101">
        <v>2.5351269987513629E-2</v>
      </c>
      <c r="N186" s="270">
        <v>0.6383288065150573</v>
      </c>
      <c r="O186" s="101">
        <v>3.6078914557745798E-2</v>
      </c>
      <c r="P186" s="266">
        <v>656</v>
      </c>
      <c r="Q186" s="270">
        <v>0.37540107937825096</v>
      </c>
      <c r="R186" s="101">
        <v>3.6957803584181402E-2</v>
      </c>
      <c r="S186" s="270">
        <v>0.14401773287140315</v>
      </c>
      <c r="T186" s="101">
        <v>2.6952889816332308E-2</v>
      </c>
      <c r="U186" s="270">
        <v>0.48058118775034597</v>
      </c>
      <c r="V186" s="101">
        <v>3.8118016021290772E-2</v>
      </c>
      <c r="W186" s="266">
        <v>656</v>
      </c>
      <c r="X186" s="270">
        <v>0.3998880686493585</v>
      </c>
      <c r="Y186" s="101">
        <v>3.7383419393021804E-2</v>
      </c>
      <c r="Z186" s="270">
        <v>0.17120840488483413</v>
      </c>
      <c r="AA186" s="101">
        <v>2.8870835552017009E-2</v>
      </c>
      <c r="AB186" s="270">
        <v>0.42890352646580737</v>
      </c>
      <c r="AC186" s="101">
        <v>3.7763548444277983E-2</v>
      </c>
      <c r="AD186" s="266">
        <v>657</v>
      </c>
      <c r="AE186" s="270">
        <v>0.33774124553597867</v>
      </c>
      <c r="AF186" s="101">
        <v>3.6080241776806993E-2</v>
      </c>
      <c r="AG186" s="270">
        <v>0.19443826530348526</v>
      </c>
      <c r="AH186" s="101">
        <v>3.0279723282992662E-2</v>
      </c>
      <c r="AI186" s="270">
        <v>0.46782048916053615</v>
      </c>
      <c r="AJ186" s="101">
        <v>3.8039511727733399E-2</v>
      </c>
    </row>
    <row r="187" spans="1:36">
      <c r="A187" s="57" t="s">
        <v>457</v>
      </c>
      <c r="B187" s="263">
        <v>210</v>
      </c>
      <c r="C187" s="269">
        <v>0.37006051138890744</v>
      </c>
      <c r="D187" s="98">
        <v>6.4776376466438773E-2</v>
      </c>
      <c r="E187" s="269">
        <v>6.1666079436287234E-2</v>
      </c>
      <c r="F187" s="98">
        <v>3.4153517757735022E-2</v>
      </c>
      <c r="G187" s="269">
        <v>0.56827340917480529</v>
      </c>
      <c r="H187" s="98">
        <v>6.638729689856393E-2</v>
      </c>
      <c r="I187" s="263">
        <v>211</v>
      </c>
      <c r="J187" s="269">
        <v>0.28664579697050041</v>
      </c>
      <c r="K187" s="98">
        <v>6.0692766429661801E-2</v>
      </c>
      <c r="L187" s="269">
        <v>8.7734308585897994E-2</v>
      </c>
      <c r="M187" s="98">
        <v>3.9268852797904298E-2</v>
      </c>
      <c r="N187" s="269">
        <v>0.62561989444360155</v>
      </c>
      <c r="O187" s="98">
        <v>6.4771975338365206E-2</v>
      </c>
      <c r="P187" s="263">
        <v>208</v>
      </c>
      <c r="Q187" s="269">
        <v>0.27993497824506153</v>
      </c>
      <c r="R187" s="98">
        <v>6.0707732804098032E-2</v>
      </c>
      <c r="S187" s="269">
        <v>0.14503479166225822</v>
      </c>
      <c r="T187" s="98">
        <v>4.8294043171982645E-2</v>
      </c>
      <c r="U187" s="269">
        <v>0.57503023009268028</v>
      </c>
      <c r="V187" s="98">
        <v>6.6573195962140425E-2</v>
      </c>
      <c r="W187" s="263">
        <v>207</v>
      </c>
      <c r="X187" s="269">
        <v>0.38442831518656451</v>
      </c>
      <c r="Y187" s="98">
        <v>6.5708514846790606E-2</v>
      </c>
      <c r="Z187" s="269">
        <v>0.10616172756617888</v>
      </c>
      <c r="AA187" s="98">
        <v>4.2821837516942858E-2</v>
      </c>
      <c r="AB187" s="269">
        <v>0.50940995724725657</v>
      </c>
      <c r="AC187" s="98">
        <v>6.7454482165451649E-2</v>
      </c>
      <c r="AD187" s="263">
        <v>207</v>
      </c>
      <c r="AE187" s="269">
        <v>0.34925342808273169</v>
      </c>
      <c r="AF187" s="98">
        <v>6.4447339677703053E-2</v>
      </c>
      <c r="AG187" s="269">
        <v>0.15840733859006648</v>
      </c>
      <c r="AH187" s="98">
        <v>5.0069871496335343E-2</v>
      </c>
      <c r="AI187" s="269">
        <v>0.49233923332720186</v>
      </c>
      <c r="AJ187" s="98">
        <v>6.7458360464037456E-2</v>
      </c>
    </row>
    <row r="188" spans="1:36">
      <c r="A188" s="49" t="s">
        <v>458</v>
      </c>
      <c r="B188" s="266">
        <v>298</v>
      </c>
      <c r="C188" s="270">
        <v>0.37997738994387509</v>
      </c>
      <c r="D188" s="101">
        <v>5.4787861833652078E-2</v>
      </c>
      <c r="E188" s="270">
        <v>0.13944792844156295</v>
      </c>
      <c r="F188" s="101">
        <v>3.9623308342924206E-2</v>
      </c>
      <c r="G188" s="270">
        <v>0.48057468161456196</v>
      </c>
      <c r="H188" s="101">
        <v>5.6351209018522572E-2</v>
      </c>
      <c r="I188" s="266">
        <v>296</v>
      </c>
      <c r="J188" s="270">
        <v>0.41844358440381407</v>
      </c>
      <c r="K188" s="101">
        <v>5.5842774625453041E-2</v>
      </c>
      <c r="L188" s="270">
        <v>0.1458132907654201</v>
      </c>
      <c r="M188" s="101">
        <v>4.0465774614228213E-2</v>
      </c>
      <c r="N188" s="270">
        <v>0.43574312483076583</v>
      </c>
      <c r="O188" s="101">
        <v>5.6123625488515405E-2</v>
      </c>
      <c r="P188" s="266">
        <v>292</v>
      </c>
      <c r="Q188" s="270">
        <v>0.47116366829970929</v>
      </c>
      <c r="R188" s="101">
        <v>5.6869080661449203E-2</v>
      </c>
      <c r="S188" s="270">
        <v>0.14196103003479693</v>
      </c>
      <c r="T188" s="101">
        <v>4.0317902051568447E-2</v>
      </c>
      <c r="U188" s="270">
        <v>0.38687530166549389</v>
      </c>
      <c r="V188" s="101">
        <v>5.5524465141556324E-2</v>
      </c>
      <c r="W188" s="266">
        <v>289</v>
      </c>
      <c r="X188" s="270">
        <v>0.53796755127296536</v>
      </c>
      <c r="Y188" s="101">
        <v>5.7091399386496051E-2</v>
      </c>
      <c r="Z188" s="270">
        <v>0.12720769531391746</v>
      </c>
      <c r="AA188" s="101">
        <v>3.8795631248648099E-2</v>
      </c>
      <c r="AB188" s="270">
        <v>0.33482475341311718</v>
      </c>
      <c r="AC188" s="101">
        <v>5.4127656132425213E-2</v>
      </c>
      <c r="AD188" s="266">
        <v>293</v>
      </c>
      <c r="AE188" s="270">
        <v>0.49515946763849467</v>
      </c>
      <c r="AF188" s="101">
        <v>5.6862774051901363E-2</v>
      </c>
      <c r="AG188" s="270">
        <v>0.18030466793231009</v>
      </c>
      <c r="AH188" s="101">
        <v>4.4125378900116544E-2</v>
      </c>
      <c r="AI188" s="270">
        <v>0.32453586442919513</v>
      </c>
      <c r="AJ188" s="101">
        <v>5.3348813709545334E-2</v>
      </c>
    </row>
    <row r="189" spans="1:36">
      <c r="A189" s="57" t="s">
        <v>459</v>
      </c>
      <c r="B189" s="263">
        <v>464</v>
      </c>
      <c r="C189" s="269">
        <v>0.19531864465001986</v>
      </c>
      <c r="D189" s="98">
        <v>3.609849612964771E-2</v>
      </c>
      <c r="E189" s="269">
        <v>0.12215623040455859</v>
      </c>
      <c r="F189" s="98">
        <v>3.000304844509763E-2</v>
      </c>
      <c r="G189" s="269">
        <v>0.6825251249454215</v>
      </c>
      <c r="H189" s="98">
        <v>4.2229377153316865E-2</v>
      </c>
      <c r="I189" s="263">
        <v>461</v>
      </c>
      <c r="J189" s="269">
        <v>0.22135894210529272</v>
      </c>
      <c r="K189" s="98">
        <v>3.7880523077341008E-2</v>
      </c>
      <c r="L189" s="269">
        <v>0.10343405346234379</v>
      </c>
      <c r="M189" s="98">
        <v>2.8078298174713013E-2</v>
      </c>
      <c r="N189" s="269">
        <v>0.67520700443236348</v>
      </c>
      <c r="O189" s="98">
        <v>4.2615879703372224E-2</v>
      </c>
      <c r="P189" s="263">
        <v>452</v>
      </c>
      <c r="Q189" s="269">
        <v>0.33719040654950183</v>
      </c>
      <c r="R189" s="98">
        <v>4.3436520760143114E-2</v>
      </c>
      <c r="S189" s="269">
        <v>0.14388084389539887</v>
      </c>
      <c r="T189" s="98">
        <v>3.2502186237150697E-2</v>
      </c>
      <c r="U189" s="269">
        <v>0.51892874955509927</v>
      </c>
      <c r="V189" s="98">
        <v>4.5860381321545525E-2</v>
      </c>
      <c r="W189" s="263">
        <v>450</v>
      </c>
      <c r="X189" s="269">
        <v>0.3321697972399148</v>
      </c>
      <c r="Y189" s="98">
        <v>4.3373494715244022E-2</v>
      </c>
      <c r="Z189" s="269">
        <v>0.15748470197944053</v>
      </c>
      <c r="AA189" s="98">
        <v>3.3765929016348339E-2</v>
      </c>
      <c r="AB189" s="269">
        <v>0.51034550078064467</v>
      </c>
      <c r="AC189" s="98">
        <v>4.5984005291782648E-2</v>
      </c>
      <c r="AD189" s="263">
        <v>451</v>
      </c>
      <c r="AE189" s="269">
        <v>0.32921342165628759</v>
      </c>
      <c r="AF189" s="98">
        <v>4.3229758871449316E-2</v>
      </c>
      <c r="AG189" s="269">
        <v>0.16398673516905574</v>
      </c>
      <c r="AH189" s="98">
        <v>3.4266476086127554E-2</v>
      </c>
      <c r="AI189" s="269">
        <v>0.50679984317465665</v>
      </c>
      <c r="AJ189" s="98">
        <v>4.5938934192316545E-2</v>
      </c>
    </row>
    <row r="190" spans="1:36">
      <c r="A190" s="49" t="s">
        <v>460</v>
      </c>
      <c r="B190" s="266">
        <v>167</v>
      </c>
      <c r="C190" s="270">
        <v>0.32545402768388731</v>
      </c>
      <c r="D190" s="101">
        <v>7.0452678252972786E-2</v>
      </c>
      <c r="E190" s="270">
        <v>0.13779968323730146</v>
      </c>
      <c r="F190" s="101">
        <v>5.2966177446379666E-2</v>
      </c>
      <c r="G190" s="270">
        <v>0.53674628907881128</v>
      </c>
      <c r="H190" s="101">
        <v>7.4749193425726959E-2</v>
      </c>
      <c r="I190" s="266">
        <v>166</v>
      </c>
      <c r="J190" s="270">
        <v>0.24752446347997303</v>
      </c>
      <c r="K190" s="101">
        <v>6.5390661806607103E-2</v>
      </c>
      <c r="L190" s="270">
        <v>8.6494449847527632E-2</v>
      </c>
      <c r="M190" s="101">
        <v>4.433060928482091E-2</v>
      </c>
      <c r="N190" s="270">
        <v>0.66598108667249933</v>
      </c>
      <c r="O190" s="101">
        <v>7.1104184890364824E-2</v>
      </c>
      <c r="P190" s="266">
        <v>160</v>
      </c>
      <c r="Q190" s="270">
        <v>0.40231718062622573</v>
      </c>
      <c r="R190" s="101">
        <v>7.5122258681809773E-2</v>
      </c>
      <c r="S190" s="270">
        <v>0.16732495963900301</v>
      </c>
      <c r="T190" s="101">
        <v>5.8211474375556016E-2</v>
      </c>
      <c r="U190" s="270">
        <v>0.43035785973477125</v>
      </c>
      <c r="V190" s="101">
        <v>7.581532124093994E-2</v>
      </c>
      <c r="W190" s="266">
        <v>159</v>
      </c>
      <c r="X190" s="270">
        <v>0.4139786335175562</v>
      </c>
      <c r="Y190" s="101">
        <v>7.5670883209311673E-2</v>
      </c>
      <c r="Z190" s="270">
        <v>0.18914095873160791</v>
      </c>
      <c r="AA190" s="101">
        <v>6.1032501937095578E-2</v>
      </c>
      <c r="AB190" s="270">
        <v>0.39688040775083588</v>
      </c>
      <c r="AC190" s="101">
        <v>7.5190151100188549E-2</v>
      </c>
      <c r="AD190" s="266">
        <v>159</v>
      </c>
      <c r="AE190" s="270">
        <v>0.37183714124639866</v>
      </c>
      <c r="AF190" s="101">
        <v>7.432138567445655E-2</v>
      </c>
      <c r="AG190" s="270">
        <v>0.23890712881015502</v>
      </c>
      <c r="AH190" s="101">
        <v>6.6055163463028227E-2</v>
      </c>
      <c r="AI190" s="270">
        <v>0.38925572994344637</v>
      </c>
      <c r="AJ190" s="101">
        <v>7.4946585748418587E-2</v>
      </c>
    </row>
    <row r="193" spans="1:4" ht="18.75">
      <c r="A193" s="331" t="s">
        <v>69</v>
      </c>
      <c r="B193" s="331"/>
      <c r="C193" s="331"/>
      <c r="D193" s="331"/>
    </row>
    <row r="194" spans="1:4" ht="147" customHeight="1">
      <c r="A194" s="364" t="s">
        <v>417</v>
      </c>
      <c r="B194" s="364"/>
      <c r="C194" s="364"/>
      <c r="D194" s="364"/>
    </row>
    <row r="195" spans="1:4" ht="36" customHeight="1">
      <c r="A195" s="333" t="s">
        <v>272</v>
      </c>
      <c r="B195" s="333"/>
      <c r="C195" s="333"/>
      <c r="D195" s="333"/>
    </row>
    <row r="196" spans="1:4" ht="40.5" customHeight="1">
      <c r="A196" s="37" t="s">
        <v>114</v>
      </c>
      <c r="B196" s="38" t="s">
        <v>115</v>
      </c>
      <c r="C196" s="39" t="s">
        <v>116</v>
      </c>
      <c r="D196" s="40" t="s">
        <v>117</v>
      </c>
    </row>
    <row r="197" spans="1:4" ht="72">
      <c r="A197" s="41"/>
      <c r="B197" s="42" t="s">
        <v>118</v>
      </c>
      <c r="C197" s="136" t="s">
        <v>273</v>
      </c>
      <c r="D197" s="44" t="s">
        <v>120</v>
      </c>
    </row>
    <row r="198" spans="1:4">
      <c r="A198" s="45" t="s">
        <v>449</v>
      </c>
      <c r="B198" s="271">
        <v>11591</v>
      </c>
      <c r="C198" s="272">
        <v>3.6825686450561119</v>
      </c>
      <c r="D198" s="273">
        <v>4.7549701279814283E-2</v>
      </c>
    </row>
    <row r="199" spans="1:4">
      <c r="A199" s="49" t="s">
        <v>450</v>
      </c>
      <c r="B199" s="274">
        <v>3127</v>
      </c>
      <c r="C199" s="275">
        <v>3.5559549510881578</v>
      </c>
      <c r="D199" s="276">
        <v>8.8903111802823176E-2</v>
      </c>
    </row>
    <row r="200" spans="1:4">
      <c r="A200" s="53" t="s">
        <v>451</v>
      </c>
      <c r="B200" s="83">
        <v>253</v>
      </c>
      <c r="C200" s="84">
        <v>3.7043982570055443</v>
      </c>
      <c r="D200" s="85">
        <v>0.28537312283171845</v>
      </c>
    </row>
    <row r="201" spans="1:4">
      <c r="A201" s="49" t="s">
        <v>452</v>
      </c>
      <c r="B201" s="274">
        <v>169</v>
      </c>
      <c r="C201" s="275">
        <v>3.7428655525999868</v>
      </c>
      <c r="D201" s="276">
        <v>0.35034827643822863</v>
      </c>
    </row>
    <row r="202" spans="1:4">
      <c r="A202" s="57" t="s">
        <v>453</v>
      </c>
      <c r="B202" s="271">
        <v>328</v>
      </c>
      <c r="C202" s="272">
        <v>3.4826094733041937</v>
      </c>
      <c r="D202" s="273">
        <v>0.25410664613889411</v>
      </c>
    </row>
    <row r="203" spans="1:4">
      <c r="A203" s="49" t="s">
        <v>454</v>
      </c>
      <c r="B203" s="274">
        <v>644</v>
      </c>
      <c r="C203" s="275">
        <v>3.3205483117121983</v>
      </c>
      <c r="D203" s="276">
        <v>0.21308229260871903</v>
      </c>
    </row>
    <row r="204" spans="1:4">
      <c r="A204" s="57" t="s">
        <v>455</v>
      </c>
      <c r="B204" s="271">
        <v>212</v>
      </c>
      <c r="C204" s="272">
        <v>2.9288362315143779</v>
      </c>
      <c r="D204" s="273">
        <v>0.30110697904322548</v>
      </c>
    </row>
    <row r="205" spans="1:4">
      <c r="A205" s="49" t="s">
        <v>456</v>
      </c>
      <c r="B205" s="274">
        <v>596</v>
      </c>
      <c r="C205" s="275">
        <v>3.8535159358736051</v>
      </c>
      <c r="D205" s="276">
        <v>0.20333083323828882</v>
      </c>
    </row>
    <row r="206" spans="1:4">
      <c r="A206" s="57" t="s">
        <v>457</v>
      </c>
      <c r="B206" s="271">
        <v>195</v>
      </c>
      <c r="C206" s="272">
        <v>4.203965803501835</v>
      </c>
      <c r="D206" s="273">
        <v>0.34836279174404838</v>
      </c>
    </row>
    <row r="207" spans="1:4">
      <c r="A207" s="49" t="s">
        <v>458</v>
      </c>
      <c r="B207" s="274">
        <v>248</v>
      </c>
      <c r="C207" s="275">
        <v>4.2889128817352464</v>
      </c>
      <c r="D207" s="276">
        <v>0.32383685158844511</v>
      </c>
    </row>
    <row r="208" spans="1:4">
      <c r="A208" s="57" t="s">
        <v>459</v>
      </c>
      <c r="B208" s="271">
        <v>415</v>
      </c>
      <c r="C208" s="272">
        <v>2.9141491156949235</v>
      </c>
      <c r="D208" s="273">
        <v>0.18265112434729103</v>
      </c>
    </row>
    <row r="209" spans="1:29">
      <c r="A209" s="49" t="s">
        <v>460</v>
      </c>
      <c r="B209" s="274">
        <v>159</v>
      </c>
      <c r="C209" s="275">
        <v>4.1615310532362191</v>
      </c>
      <c r="D209" s="276">
        <v>0.27999887299605231</v>
      </c>
    </row>
    <row r="212" spans="1:29" ht="18.75">
      <c r="A212" s="331" t="s">
        <v>70</v>
      </c>
      <c r="B212" s="331"/>
      <c r="C212" s="331"/>
      <c r="D212" s="331"/>
      <c r="E212" s="331"/>
      <c r="F212" s="331"/>
      <c r="G212" s="331"/>
      <c r="H212" s="331"/>
      <c r="I212" s="331"/>
      <c r="J212" s="331"/>
      <c r="K212" s="331"/>
      <c r="L212" s="331"/>
      <c r="M212" s="331"/>
      <c r="N212" s="331"/>
      <c r="O212" s="331"/>
      <c r="P212" s="331"/>
      <c r="Q212" s="331"/>
      <c r="R212" s="331"/>
      <c r="S212" s="331"/>
      <c r="T212" s="331"/>
      <c r="U212" s="331"/>
      <c r="V212" s="331"/>
      <c r="W212" s="331"/>
      <c r="X212" s="331"/>
      <c r="Y212" s="331"/>
      <c r="Z212" s="331"/>
      <c r="AA212" s="331"/>
      <c r="AB212" s="331"/>
      <c r="AC212" s="331"/>
    </row>
    <row r="213" spans="1:29" ht="54" customHeight="1">
      <c r="A213" s="364" t="s">
        <v>274</v>
      </c>
      <c r="B213" s="364"/>
      <c r="C213" s="364"/>
      <c r="D213" s="364"/>
      <c r="E213" s="364"/>
      <c r="F213" s="364"/>
      <c r="G213" s="364"/>
      <c r="H213" s="364"/>
      <c r="I213" s="364"/>
      <c r="J213" s="364"/>
      <c r="K213" s="364"/>
      <c r="L213" s="364"/>
      <c r="M213" s="364"/>
      <c r="N213" s="364"/>
      <c r="O213" s="364"/>
      <c r="P213" s="364"/>
      <c r="Q213" s="364"/>
      <c r="R213" s="364"/>
      <c r="S213" s="364"/>
      <c r="T213" s="364"/>
      <c r="U213" s="364"/>
      <c r="V213" s="364"/>
      <c r="W213" s="364"/>
      <c r="X213" s="364"/>
      <c r="Y213" s="364"/>
      <c r="Z213" s="364"/>
      <c r="AA213" s="364"/>
      <c r="AB213" s="364"/>
      <c r="AC213" s="364"/>
    </row>
    <row r="214" spans="1:29" ht="32.25" customHeight="1">
      <c r="A214" s="64"/>
      <c r="B214" s="351" t="s">
        <v>275</v>
      </c>
      <c r="C214" s="351"/>
      <c r="D214" s="351"/>
      <c r="E214" s="351"/>
      <c r="F214" s="351"/>
      <c r="G214" s="351"/>
      <c r="H214" s="351"/>
      <c r="I214" s="351" t="s">
        <v>276</v>
      </c>
      <c r="J214" s="351"/>
      <c r="K214" s="351"/>
      <c r="L214" s="351"/>
      <c r="M214" s="351"/>
      <c r="N214" s="351"/>
      <c r="O214" s="351"/>
      <c r="P214" s="351" t="s">
        <v>277</v>
      </c>
      <c r="Q214" s="351"/>
      <c r="R214" s="351"/>
      <c r="S214" s="351"/>
      <c r="T214" s="351"/>
      <c r="U214" s="351"/>
      <c r="V214" s="351"/>
      <c r="W214" s="351" t="s">
        <v>278</v>
      </c>
      <c r="X214" s="351"/>
      <c r="Y214" s="351"/>
      <c r="Z214" s="351"/>
      <c r="AA214" s="351"/>
      <c r="AB214" s="351"/>
      <c r="AC214" s="351"/>
    </row>
    <row r="215" spans="1:29" ht="43.5" customHeight="1">
      <c r="A215" s="37" t="s">
        <v>114</v>
      </c>
      <c r="B215" s="38" t="s">
        <v>115</v>
      </c>
      <c r="C215" s="38" t="s">
        <v>300</v>
      </c>
      <c r="D215" s="93" t="s">
        <v>145</v>
      </c>
      <c r="E215" s="38" t="s">
        <v>301</v>
      </c>
      <c r="F215" s="93" t="s">
        <v>146</v>
      </c>
      <c r="G215" s="38" t="s">
        <v>302</v>
      </c>
      <c r="H215" s="93" t="s">
        <v>147</v>
      </c>
      <c r="I215" s="65" t="s">
        <v>115</v>
      </c>
      <c r="J215" s="65" t="s">
        <v>300</v>
      </c>
      <c r="K215" s="92" t="s">
        <v>145</v>
      </c>
      <c r="L215" s="65" t="s">
        <v>301</v>
      </c>
      <c r="M215" s="92" t="s">
        <v>146</v>
      </c>
      <c r="N215" s="65" t="s">
        <v>302</v>
      </c>
      <c r="O215" s="92" t="s">
        <v>147</v>
      </c>
      <c r="P215" s="38" t="s">
        <v>115</v>
      </c>
      <c r="Q215" s="38" t="s">
        <v>300</v>
      </c>
      <c r="R215" s="93" t="s">
        <v>145</v>
      </c>
      <c r="S215" s="38" t="s">
        <v>301</v>
      </c>
      <c r="T215" s="93" t="s">
        <v>146</v>
      </c>
      <c r="U215" s="38" t="s">
        <v>302</v>
      </c>
      <c r="V215" s="93" t="s">
        <v>147</v>
      </c>
      <c r="W215" s="65" t="s">
        <v>115</v>
      </c>
      <c r="X215" s="65" t="s">
        <v>300</v>
      </c>
      <c r="Y215" s="92" t="s">
        <v>145</v>
      </c>
      <c r="Z215" s="65" t="s">
        <v>301</v>
      </c>
      <c r="AA215" s="92" t="s">
        <v>146</v>
      </c>
      <c r="AB215" s="65" t="s">
        <v>302</v>
      </c>
      <c r="AC215" s="92" t="s">
        <v>147</v>
      </c>
    </row>
    <row r="216" spans="1:29" ht="72">
      <c r="A216" s="41"/>
      <c r="B216" s="42" t="s">
        <v>118</v>
      </c>
      <c r="C216" s="42" t="s">
        <v>303</v>
      </c>
      <c r="D216" s="95" t="s">
        <v>148</v>
      </c>
      <c r="E216" s="42" t="s">
        <v>304</v>
      </c>
      <c r="F216" s="95" t="s">
        <v>148</v>
      </c>
      <c r="G216" s="42" t="s">
        <v>305</v>
      </c>
      <c r="H216" s="95" t="s">
        <v>148</v>
      </c>
      <c r="I216" s="68" t="s">
        <v>118</v>
      </c>
      <c r="J216" s="68" t="s">
        <v>303</v>
      </c>
      <c r="K216" s="94" t="s">
        <v>148</v>
      </c>
      <c r="L216" s="68" t="s">
        <v>304</v>
      </c>
      <c r="M216" s="94" t="s">
        <v>148</v>
      </c>
      <c r="N216" s="68" t="s">
        <v>305</v>
      </c>
      <c r="O216" s="94" t="s">
        <v>148</v>
      </c>
      <c r="P216" s="42" t="s">
        <v>118</v>
      </c>
      <c r="Q216" s="42" t="s">
        <v>303</v>
      </c>
      <c r="R216" s="95" t="s">
        <v>148</v>
      </c>
      <c r="S216" s="42" t="s">
        <v>304</v>
      </c>
      <c r="T216" s="95" t="s">
        <v>148</v>
      </c>
      <c r="U216" s="42" t="s">
        <v>305</v>
      </c>
      <c r="V216" s="95" t="s">
        <v>148</v>
      </c>
      <c r="W216" s="68" t="s">
        <v>118</v>
      </c>
      <c r="X216" s="68" t="s">
        <v>303</v>
      </c>
      <c r="Y216" s="94" t="s">
        <v>148</v>
      </c>
      <c r="Z216" s="68" t="s">
        <v>304</v>
      </c>
      <c r="AA216" s="94" t="s">
        <v>148</v>
      </c>
      <c r="AB216" s="68" t="s">
        <v>305</v>
      </c>
      <c r="AC216" s="94" t="s">
        <v>148</v>
      </c>
    </row>
    <row r="217" spans="1:29">
      <c r="A217" s="45" t="s">
        <v>449</v>
      </c>
      <c r="B217" s="271">
        <v>13039</v>
      </c>
      <c r="C217" s="277">
        <v>9.5355043153413505E-2</v>
      </c>
      <c r="D217" s="98">
        <v>5.0434865223043966E-3</v>
      </c>
      <c r="E217" s="277">
        <v>9.7828859398018386E-2</v>
      </c>
      <c r="F217" s="98">
        <v>5.10139779681309E-3</v>
      </c>
      <c r="G217" s="277">
        <v>0.80681609744856808</v>
      </c>
      <c r="H217" s="98">
        <v>6.776734683337538E-3</v>
      </c>
      <c r="I217" s="271">
        <v>12559</v>
      </c>
      <c r="J217" s="277">
        <v>0.36500142938619301</v>
      </c>
      <c r="K217" s="98">
        <v>8.4188722354669072E-3</v>
      </c>
      <c r="L217" s="277">
        <v>0.17061748783573849</v>
      </c>
      <c r="M217" s="98">
        <v>6.5796769906544756E-3</v>
      </c>
      <c r="N217" s="277">
        <v>0.4643810827780685</v>
      </c>
      <c r="O217" s="98">
        <v>8.7211812053654744E-3</v>
      </c>
      <c r="P217" s="271">
        <v>11702</v>
      </c>
      <c r="Q217" s="277">
        <v>0.51623302320247622</v>
      </c>
      <c r="R217" s="98">
        <v>9.0530093490752556E-3</v>
      </c>
      <c r="S217" s="277">
        <v>0.2053987790172534</v>
      </c>
      <c r="T217" s="98">
        <v>7.3198847151487315E-3</v>
      </c>
      <c r="U217" s="277">
        <v>0.27836819778027044</v>
      </c>
      <c r="V217" s="98">
        <v>8.1199944306241459E-3</v>
      </c>
      <c r="W217" s="271">
        <v>11145</v>
      </c>
      <c r="X217" s="277">
        <v>0.5445380963622406</v>
      </c>
      <c r="Y217" s="98">
        <v>9.2444168925208108E-3</v>
      </c>
      <c r="Z217" s="277">
        <v>0.17173072612297313</v>
      </c>
      <c r="AA217" s="98">
        <v>7.0027058536529562E-3</v>
      </c>
      <c r="AB217" s="277">
        <v>0.28373117751478627</v>
      </c>
      <c r="AC217" s="98">
        <v>8.3688448886318871E-3</v>
      </c>
    </row>
    <row r="218" spans="1:29">
      <c r="A218" s="49" t="s">
        <v>450</v>
      </c>
      <c r="B218" s="274">
        <v>3563</v>
      </c>
      <c r="C218" s="278">
        <v>0.11366814731650376</v>
      </c>
      <c r="D218" s="101">
        <v>1.0433787117285969E-2</v>
      </c>
      <c r="E218" s="278">
        <v>0.10549218324619941</v>
      </c>
      <c r="F218" s="101">
        <v>1.0099689940860322E-2</v>
      </c>
      <c r="G218" s="278">
        <v>0.78083966943729688</v>
      </c>
      <c r="H218" s="101">
        <v>1.3582841738053937E-2</v>
      </c>
      <c r="I218" s="274">
        <v>3437</v>
      </c>
      <c r="J218" s="278">
        <v>0.44147006388711607</v>
      </c>
      <c r="K218" s="101">
        <v>1.6591841957972413E-2</v>
      </c>
      <c r="L218" s="278">
        <v>0.16680411611794757</v>
      </c>
      <c r="M218" s="101">
        <v>1.24679009965523E-2</v>
      </c>
      <c r="N218" s="278">
        <v>0.39172581999493633</v>
      </c>
      <c r="O218" s="101">
        <v>1.6310953438151161E-2</v>
      </c>
      <c r="P218" s="274">
        <v>3152</v>
      </c>
      <c r="Q218" s="278">
        <v>0.53589464693804356</v>
      </c>
      <c r="R218" s="101">
        <v>1.7399566251502029E-2</v>
      </c>
      <c r="S218" s="278">
        <v>0.19828190994540792</v>
      </c>
      <c r="T218" s="101">
        <v>1.3920497230367422E-2</v>
      </c>
      <c r="U218" s="278">
        <v>0.26582344311654849</v>
      </c>
      <c r="V218" s="101">
        <v>1.5418388517155417E-2</v>
      </c>
      <c r="W218" s="274">
        <v>3015</v>
      </c>
      <c r="X218" s="278">
        <v>0.56794343794135616</v>
      </c>
      <c r="Y218" s="101">
        <v>1.7670880024633611E-2</v>
      </c>
      <c r="Z218" s="278">
        <v>0.15906139047230333</v>
      </c>
      <c r="AA218" s="101">
        <v>1.3061353473591839E-2</v>
      </c>
      <c r="AB218" s="278">
        <v>0.27299517158634051</v>
      </c>
      <c r="AC218" s="101">
        <v>1.5897172911671888E-2</v>
      </c>
    </row>
    <row r="219" spans="1:29">
      <c r="A219" s="53" t="s">
        <v>451</v>
      </c>
      <c r="B219" s="54">
        <v>280</v>
      </c>
      <c r="C219" s="190">
        <v>0.11840602295019052</v>
      </c>
      <c r="D219" s="98">
        <v>3.8302718988279631E-2</v>
      </c>
      <c r="E219" s="190">
        <v>8.6390482648254954E-2</v>
      </c>
      <c r="F219" s="98">
        <v>3.3650477974605984E-2</v>
      </c>
      <c r="G219" s="190">
        <v>0.79520349440155447</v>
      </c>
      <c r="H219" s="98">
        <v>4.7284994817131672E-2</v>
      </c>
      <c r="I219" s="54">
        <v>273</v>
      </c>
      <c r="J219" s="190">
        <v>0.50402238657690968</v>
      </c>
      <c r="K219" s="98">
        <v>5.8880642489608954E-2</v>
      </c>
      <c r="L219" s="190">
        <v>0.14514918649461517</v>
      </c>
      <c r="M219" s="98">
        <v>4.208204469544051E-2</v>
      </c>
      <c r="N219" s="190">
        <v>0.3508284269284751</v>
      </c>
      <c r="O219" s="98">
        <v>5.6279573284101103E-2</v>
      </c>
      <c r="P219" s="54">
        <v>247</v>
      </c>
      <c r="Q219" s="190">
        <v>0.45438193247841796</v>
      </c>
      <c r="R219" s="98">
        <v>6.1607237204400367E-2</v>
      </c>
      <c r="S219" s="190">
        <v>0.21415177680476402</v>
      </c>
      <c r="T219" s="98">
        <v>5.113963331989773E-2</v>
      </c>
      <c r="U219" s="190">
        <v>0.33146629071681799</v>
      </c>
      <c r="V219" s="98">
        <v>5.8355100449053177E-2</v>
      </c>
      <c r="W219" s="54">
        <v>238</v>
      </c>
      <c r="X219" s="190">
        <v>0.50229472075453485</v>
      </c>
      <c r="Y219" s="98">
        <v>6.2996144258142525E-2</v>
      </c>
      <c r="Z219" s="190">
        <v>0.14804960654019622</v>
      </c>
      <c r="AA219" s="98">
        <v>4.5461149381742352E-2</v>
      </c>
      <c r="AB219" s="190">
        <v>0.34965567270526887</v>
      </c>
      <c r="AC219" s="98">
        <v>6.0179260888315066E-2</v>
      </c>
    </row>
    <row r="220" spans="1:29">
      <c r="A220" s="49" t="s">
        <v>452</v>
      </c>
      <c r="B220" s="274">
        <v>182</v>
      </c>
      <c r="C220" s="278">
        <v>1.7038167936057294E-2</v>
      </c>
      <c r="D220" s="101">
        <v>2.3470924111971644E-2</v>
      </c>
      <c r="E220" s="278">
        <v>4.0698722817584861E-2</v>
      </c>
      <c r="F220" s="101">
        <v>3.1492173174596856E-2</v>
      </c>
      <c r="G220" s="278">
        <v>0.94226310924635781</v>
      </c>
      <c r="H220" s="101">
        <v>3.5993340625597794E-2</v>
      </c>
      <c r="I220" s="274">
        <v>169</v>
      </c>
      <c r="J220" s="278">
        <v>0.30552309557543295</v>
      </c>
      <c r="K220" s="101">
        <v>6.892011606732637E-2</v>
      </c>
      <c r="L220" s="278">
        <v>0.22828064922371141</v>
      </c>
      <c r="M220" s="101">
        <v>6.3141895233445336E-2</v>
      </c>
      <c r="N220" s="278">
        <v>0.46619625520085567</v>
      </c>
      <c r="O220" s="101">
        <v>7.4345346260371578E-2</v>
      </c>
      <c r="P220" s="274">
        <v>164</v>
      </c>
      <c r="Q220" s="278">
        <v>0.50586657021382253</v>
      </c>
      <c r="R220" s="101">
        <v>7.5603681804889036E-2</v>
      </c>
      <c r="S220" s="278">
        <v>0.22378542352152928</v>
      </c>
      <c r="T220" s="101">
        <v>6.3672232298706194E-2</v>
      </c>
      <c r="U220" s="278">
        <v>0.27034800626464817</v>
      </c>
      <c r="V220" s="101">
        <v>6.7582706123782796E-2</v>
      </c>
      <c r="W220" s="274">
        <v>156</v>
      </c>
      <c r="X220" s="278">
        <v>0.50057188004820707</v>
      </c>
      <c r="Y220" s="101">
        <v>7.7475754499833752E-2</v>
      </c>
      <c r="Z220" s="278">
        <v>0.2086190559594143</v>
      </c>
      <c r="AA220" s="101">
        <v>6.3754484278998547E-2</v>
      </c>
      <c r="AB220" s="278">
        <v>0.29080906399237866</v>
      </c>
      <c r="AC220" s="101">
        <v>7.0736696685590864E-2</v>
      </c>
    </row>
    <row r="221" spans="1:29">
      <c r="A221" s="57" t="s">
        <v>453</v>
      </c>
      <c r="B221" s="271">
        <v>362</v>
      </c>
      <c r="C221" s="277">
        <v>5.1094349287164179E-2</v>
      </c>
      <c r="D221" s="98">
        <v>2.3555757704115769E-2</v>
      </c>
      <c r="E221" s="277">
        <v>9.0110097217393284E-2</v>
      </c>
      <c r="F221" s="98">
        <v>2.9981979884533952E-2</v>
      </c>
      <c r="G221" s="277">
        <v>0.85879555349544257</v>
      </c>
      <c r="H221" s="98">
        <v>3.608600746648867E-2</v>
      </c>
      <c r="I221" s="271">
        <v>346</v>
      </c>
      <c r="J221" s="277">
        <v>0.45753397318179395</v>
      </c>
      <c r="K221" s="98">
        <v>5.2198238719978599E-2</v>
      </c>
      <c r="L221" s="277">
        <v>0.14231623375594366</v>
      </c>
      <c r="M221" s="98">
        <v>3.7036058836223608E-2</v>
      </c>
      <c r="N221" s="277">
        <v>0.40014979306226239</v>
      </c>
      <c r="O221" s="98">
        <v>5.1352269433592279E-2</v>
      </c>
      <c r="P221" s="271">
        <v>313</v>
      </c>
      <c r="Q221" s="277">
        <v>0.57003659032643272</v>
      </c>
      <c r="R221" s="98">
        <v>5.4513304652263755E-2</v>
      </c>
      <c r="S221" s="277">
        <v>0.17003449918460142</v>
      </c>
      <c r="T221" s="98">
        <v>4.1752846390798022E-2</v>
      </c>
      <c r="U221" s="277">
        <v>0.25992891048896588</v>
      </c>
      <c r="V221" s="98">
        <v>4.8463620819252234E-2</v>
      </c>
      <c r="W221" s="271">
        <v>309</v>
      </c>
      <c r="X221" s="277">
        <v>0.62799475461933452</v>
      </c>
      <c r="Y221" s="98">
        <v>5.3594820086451445E-2</v>
      </c>
      <c r="Z221" s="277">
        <v>0.15477490772959046</v>
      </c>
      <c r="AA221" s="98">
        <v>4.0530980682430023E-2</v>
      </c>
      <c r="AB221" s="277">
        <v>0.217230337651075</v>
      </c>
      <c r="AC221" s="98">
        <v>4.5955650704322108E-2</v>
      </c>
    </row>
    <row r="222" spans="1:29">
      <c r="A222" s="49" t="s">
        <v>454</v>
      </c>
      <c r="B222" s="274">
        <v>712</v>
      </c>
      <c r="C222" s="278">
        <v>0.14812309949601329</v>
      </c>
      <c r="D222" s="101">
        <v>2.6161376375781135E-2</v>
      </c>
      <c r="E222" s="278">
        <v>0.14370000865868496</v>
      </c>
      <c r="F222" s="101">
        <v>2.5841802862009818E-2</v>
      </c>
      <c r="G222" s="278">
        <v>0.70817689184530175</v>
      </c>
      <c r="H222" s="101">
        <v>3.3337808530969439E-2</v>
      </c>
      <c r="I222" s="274">
        <v>686</v>
      </c>
      <c r="J222" s="278">
        <v>0.51890549763232152</v>
      </c>
      <c r="K222" s="101">
        <v>3.728159232180181E-2</v>
      </c>
      <c r="L222" s="278">
        <v>0.12398037067346351</v>
      </c>
      <c r="M222" s="101">
        <v>2.4774711912021484E-2</v>
      </c>
      <c r="N222" s="278">
        <v>0.35711413169421496</v>
      </c>
      <c r="O222" s="101">
        <v>3.5770508115404553E-2</v>
      </c>
      <c r="P222" s="274">
        <v>637</v>
      </c>
      <c r="Q222" s="278">
        <v>0.61025183068994604</v>
      </c>
      <c r="R222" s="101">
        <v>3.7766929082840565E-2</v>
      </c>
      <c r="S222" s="278">
        <v>0.20304930384432823</v>
      </c>
      <c r="T222" s="101">
        <v>3.124717512474056E-2</v>
      </c>
      <c r="U222" s="278">
        <v>0.1866988654657257</v>
      </c>
      <c r="V222" s="101">
        <v>3.0287474721437849E-2</v>
      </c>
      <c r="W222" s="274">
        <v>605</v>
      </c>
      <c r="X222" s="278">
        <v>0.63491232972939982</v>
      </c>
      <c r="Y222" s="101">
        <v>3.8258331295927712E-2</v>
      </c>
      <c r="Z222" s="278">
        <v>0.12681203618851739</v>
      </c>
      <c r="AA222" s="101">
        <v>2.6645772159219809E-2</v>
      </c>
      <c r="AB222" s="278">
        <v>0.23827563408208283</v>
      </c>
      <c r="AC222" s="101">
        <v>3.3920054943480063E-2</v>
      </c>
    </row>
    <row r="223" spans="1:29">
      <c r="A223" s="57" t="s">
        <v>455</v>
      </c>
      <c r="B223" s="271">
        <v>220</v>
      </c>
      <c r="C223" s="277">
        <v>0.19181306350338229</v>
      </c>
      <c r="D223" s="98">
        <v>5.2117773013385188E-2</v>
      </c>
      <c r="E223" s="277">
        <v>0.16097989805779755</v>
      </c>
      <c r="F223" s="98">
        <v>4.884813216022596E-2</v>
      </c>
      <c r="G223" s="277">
        <v>0.6472070384388201</v>
      </c>
      <c r="H223" s="98">
        <v>6.2681857983182043E-2</v>
      </c>
      <c r="I223" s="271">
        <v>217</v>
      </c>
      <c r="J223" s="277">
        <v>0.64035617060741401</v>
      </c>
      <c r="K223" s="98">
        <v>6.3368339170440782E-2</v>
      </c>
      <c r="L223" s="277">
        <v>0.13326210426849744</v>
      </c>
      <c r="M223" s="98">
        <v>4.5734414983389177E-2</v>
      </c>
      <c r="N223" s="277">
        <v>0.22638172512408861</v>
      </c>
      <c r="O223" s="98">
        <v>5.5596642397053378E-2</v>
      </c>
      <c r="P223" s="271">
        <v>209</v>
      </c>
      <c r="Q223" s="277">
        <v>0.76834184657318216</v>
      </c>
      <c r="R223" s="98">
        <v>5.7083607009207595E-2</v>
      </c>
      <c r="S223" s="277">
        <v>6.8206279752211482E-2</v>
      </c>
      <c r="T223" s="98">
        <v>3.5656062596397718E-2</v>
      </c>
      <c r="U223" s="277">
        <v>0.16345187367460634</v>
      </c>
      <c r="V223" s="98">
        <v>5.0419439904122974E-2</v>
      </c>
      <c r="W223" s="271">
        <v>200</v>
      </c>
      <c r="X223" s="277">
        <v>0.71822106506286987</v>
      </c>
      <c r="Y223" s="98">
        <v>6.2015378969450793E-2</v>
      </c>
      <c r="Z223" s="277">
        <v>0.1001878845021003</v>
      </c>
      <c r="AA223" s="98">
        <v>4.2597449462766585E-2</v>
      </c>
      <c r="AB223" s="277">
        <v>0.18159105043502982</v>
      </c>
      <c r="AC223" s="98">
        <v>5.3598275437256891E-2</v>
      </c>
    </row>
    <row r="224" spans="1:29">
      <c r="A224" s="49" t="s">
        <v>456</v>
      </c>
      <c r="B224" s="274">
        <v>673</v>
      </c>
      <c r="C224" s="278">
        <v>7.06073963018954E-2</v>
      </c>
      <c r="D224" s="101">
        <v>1.9613648746139287E-2</v>
      </c>
      <c r="E224" s="278">
        <v>8.7604412314379973E-2</v>
      </c>
      <c r="F224" s="101">
        <v>2.1562188793677564E-2</v>
      </c>
      <c r="G224" s="278">
        <v>0.84178819138372463</v>
      </c>
      <c r="H224" s="101">
        <v>2.763218242481235E-2</v>
      </c>
      <c r="I224" s="274">
        <v>642</v>
      </c>
      <c r="J224" s="278">
        <v>0.32284141405747224</v>
      </c>
      <c r="K224" s="101">
        <v>3.6088111271553938E-2</v>
      </c>
      <c r="L224" s="278">
        <v>0.19155897854055393</v>
      </c>
      <c r="M224" s="101">
        <v>3.0461823200584791E-2</v>
      </c>
      <c r="N224" s="278">
        <v>0.48559960740197383</v>
      </c>
      <c r="O224" s="101">
        <v>3.8541787007149733E-2</v>
      </c>
      <c r="P224" s="274">
        <v>573</v>
      </c>
      <c r="Q224" s="278">
        <v>0.47223209930608862</v>
      </c>
      <c r="R224" s="101">
        <v>4.0735840839336235E-2</v>
      </c>
      <c r="S224" s="278">
        <v>0.17651082763674</v>
      </c>
      <c r="T224" s="101">
        <v>3.1263104346325274E-2</v>
      </c>
      <c r="U224" s="278">
        <v>0.35125707305717135</v>
      </c>
      <c r="V224" s="101">
        <v>3.8976974343173647E-2</v>
      </c>
      <c r="W224" s="274">
        <v>557</v>
      </c>
      <c r="X224" s="278">
        <v>0.51898279756161825</v>
      </c>
      <c r="Y224" s="101">
        <v>4.1346226555944679E-2</v>
      </c>
      <c r="Z224" s="278">
        <v>0.1503246301106545</v>
      </c>
      <c r="AA224" s="101">
        <v>2.9774884970248217E-2</v>
      </c>
      <c r="AB224" s="278">
        <v>0.33069257232772731</v>
      </c>
      <c r="AC224" s="101">
        <v>3.8967175032283093E-2</v>
      </c>
    </row>
    <row r="225" spans="1:29">
      <c r="A225" s="57" t="s">
        <v>457</v>
      </c>
      <c r="B225" s="271">
        <v>209</v>
      </c>
      <c r="C225" s="277">
        <v>7.1782346318169342E-3</v>
      </c>
      <c r="D225" s="98">
        <v>1.7073714544861649E-2</v>
      </c>
      <c r="E225" s="277">
        <v>5.0885401141528286E-2</v>
      </c>
      <c r="F225" s="98">
        <v>3.1723858647099257E-2</v>
      </c>
      <c r="G225" s="277">
        <v>0.94193636422665483</v>
      </c>
      <c r="H225" s="98">
        <v>3.3428587732219912E-2</v>
      </c>
      <c r="I225" s="271">
        <v>203</v>
      </c>
      <c r="J225" s="277">
        <v>0.26442792590056902</v>
      </c>
      <c r="K225" s="98">
        <v>6.0408151275578387E-2</v>
      </c>
      <c r="L225" s="277">
        <v>0.15722365260738885</v>
      </c>
      <c r="M225" s="98">
        <v>5.0423547277388125E-2</v>
      </c>
      <c r="N225" s="277">
        <v>0.57834842149204213</v>
      </c>
      <c r="O225" s="98">
        <v>6.7305669208706023E-2</v>
      </c>
      <c r="P225" s="271">
        <v>192</v>
      </c>
      <c r="Q225" s="277">
        <v>0.39913283898378005</v>
      </c>
      <c r="R225" s="98">
        <v>6.8619547382736804E-2</v>
      </c>
      <c r="S225" s="277">
        <v>0.24871719030589318</v>
      </c>
      <c r="T225" s="98">
        <v>6.0929428013965316E-2</v>
      </c>
      <c r="U225" s="277">
        <v>0.35214997071032678</v>
      </c>
      <c r="V225" s="98">
        <v>6.6998958859114693E-2</v>
      </c>
      <c r="W225" s="271">
        <v>179</v>
      </c>
      <c r="X225" s="277">
        <v>0.37871201313162872</v>
      </c>
      <c r="Y225" s="98">
        <v>7.0374897479563006E-2</v>
      </c>
      <c r="Z225" s="277">
        <v>0.21838059238735821</v>
      </c>
      <c r="AA225" s="98">
        <v>6.0458098053761497E-2</v>
      </c>
      <c r="AB225" s="277">
        <v>0.40290739448101309</v>
      </c>
      <c r="AC225" s="98">
        <v>7.112488781304184E-2</v>
      </c>
    </row>
    <row r="226" spans="1:29">
      <c r="A226" s="49" t="s">
        <v>458</v>
      </c>
      <c r="B226" s="274">
        <v>298</v>
      </c>
      <c r="C226" s="278">
        <v>8.7939533883766643E-2</v>
      </c>
      <c r="D226" s="101">
        <v>3.2819218892555381E-2</v>
      </c>
      <c r="E226" s="278">
        <v>0.11340081983825237</v>
      </c>
      <c r="F226" s="101">
        <v>3.645497257216903E-2</v>
      </c>
      <c r="G226" s="278">
        <v>0.79865964627798103</v>
      </c>
      <c r="H226" s="101">
        <v>4.5556004791942648E-2</v>
      </c>
      <c r="I226" s="274">
        <v>287</v>
      </c>
      <c r="J226" s="278">
        <v>0.28261910967033765</v>
      </c>
      <c r="K226" s="101">
        <v>5.1899439817134345E-2</v>
      </c>
      <c r="L226" s="278">
        <v>0.16297099898624545</v>
      </c>
      <c r="M226" s="101">
        <v>4.291572447201978E-2</v>
      </c>
      <c r="N226" s="278">
        <v>0.55440989134341689</v>
      </c>
      <c r="O226" s="101">
        <v>5.7116800021256263E-2</v>
      </c>
      <c r="P226" s="274">
        <v>242</v>
      </c>
      <c r="Q226" s="278">
        <v>0.35656213120785113</v>
      </c>
      <c r="R226" s="101">
        <v>5.9942749333731823E-2</v>
      </c>
      <c r="S226" s="278">
        <v>0.29957892178132123</v>
      </c>
      <c r="T226" s="101">
        <v>5.7419641332256847E-2</v>
      </c>
      <c r="U226" s="278">
        <v>0.34385894701082764</v>
      </c>
      <c r="V226" s="101">
        <v>5.9461086514372881E-2</v>
      </c>
      <c r="W226" s="274">
        <v>224</v>
      </c>
      <c r="X226" s="278">
        <v>0.32074097418932856</v>
      </c>
      <c r="Y226" s="101">
        <v>6.0742778648263392E-2</v>
      </c>
      <c r="Z226" s="278">
        <v>0.24103171206848523</v>
      </c>
      <c r="AA226" s="101">
        <v>5.5871299049593148E-2</v>
      </c>
      <c r="AB226" s="278">
        <v>0.43822731374218621</v>
      </c>
      <c r="AC226" s="101">
        <v>6.4422223399512923E-2</v>
      </c>
    </row>
    <row r="227" spans="1:29">
      <c r="A227" s="57" t="s">
        <v>459</v>
      </c>
      <c r="B227" s="271">
        <v>455</v>
      </c>
      <c r="C227" s="277">
        <v>0.21654149580265497</v>
      </c>
      <c r="D227" s="98">
        <v>3.7836039186022206E-2</v>
      </c>
      <c r="E227" s="277">
        <v>0.1318707287447069</v>
      </c>
      <c r="F227" s="98">
        <v>3.1270270147831097E-2</v>
      </c>
      <c r="G227" s="277">
        <v>0.65158777545263813</v>
      </c>
      <c r="H227" s="98">
        <v>4.362786540490271E-2</v>
      </c>
      <c r="I227" s="271">
        <v>443</v>
      </c>
      <c r="J227" s="277">
        <v>0.59473877613146608</v>
      </c>
      <c r="K227" s="98">
        <v>4.5527833940266459E-2</v>
      </c>
      <c r="L227" s="277">
        <v>0.18736353376216802</v>
      </c>
      <c r="M227" s="98">
        <v>3.6379986470318967E-2</v>
      </c>
      <c r="N227" s="277">
        <v>0.21789769010636587</v>
      </c>
      <c r="O227" s="98">
        <v>3.8429048718016154E-2</v>
      </c>
      <c r="P227" s="271">
        <v>406</v>
      </c>
      <c r="Q227" s="277">
        <v>0.64642907896890933</v>
      </c>
      <c r="R227" s="98">
        <v>4.6318878837768349E-2</v>
      </c>
      <c r="S227" s="277">
        <v>0.18364710940320128</v>
      </c>
      <c r="T227" s="98">
        <v>3.7721737153583602E-2</v>
      </c>
      <c r="U227" s="277">
        <v>0.16992381162788933</v>
      </c>
      <c r="V227" s="98">
        <v>3.662544194459659E-2</v>
      </c>
      <c r="W227" s="271">
        <v>393</v>
      </c>
      <c r="X227" s="277">
        <v>0.73403058941335109</v>
      </c>
      <c r="Y227" s="98">
        <v>4.3586472828618182E-2</v>
      </c>
      <c r="Z227" s="277">
        <v>0.15433997833616658</v>
      </c>
      <c r="AA227" s="98">
        <v>3.5863057863566361E-2</v>
      </c>
      <c r="AB227" s="277">
        <v>0.11162943225048239</v>
      </c>
      <c r="AC227" s="98">
        <v>3.144634388636431E-2</v>
      </c>
    </row>
    <row r="228" spans="1:29">
      <c r="A228" s="49" t="s">
        <v>460</v>
      </c>
      <c r="B228" s="274">
        <v>162</v>
      </c>
      <c r="C228" s="278">
        <v>5.8970060474537962E-2</v>
      </c>
      <c r="D228" s="101">
        <v>3.8710935732612597E-2</v>
      </c>
      <c r="E228" s="278">
        <v>3.7255520213413162E-2</v>
      </c>
      <c r="F228" s="101">
        <v>3.2649567212395085E-2</v>
      </c>
      <c r="G228" s="278">
        <v>0.90377441931204883</v>
      </c>
      <c r="H228" s="101">
        <v>4.6821206201130311E-2</v>
      </c>
      <c r="I228" s="274">
        <v>159</v>
      </c>
      <c r="J228" s="278">
        <v>0.25108535533495796</v>
      </c>
      <c r="K228" s="101">
        <v>6.7101189059966371E-2</v>
      </c>
      <c r="L228" s="278">
        <v>0.23345959157467649</v>
      </c>
      <c r="M228" s="101">
        <v>6.5565438668719153E-2</v>
      </c>
      <c r="N228" s="278">
        <v>0.51545505309036554</v>
      </c>
      <c r="O228" s="101">
        <v>7.6724624450441259E-2</v>
      </c>
      <c r="P228" s="274">
        <v>159</v>
      </c>
      <c r="Q228" s="278">
        <v>0.45704896825846003</v>
      </c>
      <c r="R228" s="101">
        <v>7.6489568170827971E-2</v>
      </c>
      <c r="S228" s="278">
        <v>0.24083258127919216</v>
      </c>
      <c r="T228" s="101">
        <v>6.6224988756212883E-2</v>
      </c>
      <c r="U228" s="278">
        <v>0.30211845046234775</v>
      </c>
      <c r="V228" s="101">
        <v>7.0808925313997365E-2</v>
      </c>
      <c r="W228" s="274">
        <v>144</v>
      </c>
      <c r="X228" s="278">
        <v>0.29898525675396675</v>
      </c>
      <c r="Y228" s="101">
        <v>7.4136927011137166E-2</v>
      </c>
      <c r="Z228" s="278">
        <v>0.19352800911620588</v>
      </c>
      <c r="AA228" s="101">
        <v>6.466220780129088E-2</v>
      </c>
      <c r="AB228" s="278">
        <v>0.50748673412982737</v>
      </c>
      <c r="AC228" s="101">
        <v>8.0546954399349224E-2</v>
      </c>
    </row>
    <row r="231" spans="1:29" ht="18.75">
      <c r="A231" s="331" t="s">
        <v>20</v>
      </c>
      <c r="B231" s="331"/>
      <c r="C231" s="331"/>
      <c r="D231" s="331"/>
    </row>
    <row r="232" spans="1:29" ht="126.75" customHeight="1">
      <c r="A232" s="364" t="s">
        <v>418</v>
      </c>
      <c r="B232" s="364"/>
      <c r="C232" s="364"/>
      <c r="D232" s="364"/>
    </row>
    <row r="233" spans="1:29" ht="38.25" customHeight="1">
      <c r="A233" s="333" t="s">
        <v>279</v>
      </c>
      <c r="B233" s="333"/>
      <c r="C233" s="333"/>
      <c r="D233" s="333"/>
    </row>
    <row r="234" spans="1:29" ht="40.5" customHeight="1">
      <c r="A234" s="37" t="s">
        <v>114</v>
      </c>
      <c r="B234" s="38" t="s">
        <v>115</v>
      </c>
      <c r="C234" s="39" t="s">
        <v>116</v>
      </c>
      <c r="D234" s="40" t="s">
        <v>117</v>
      </c>
    </row>
    <row r="235" spans="1:29" ht="72">
      <c r="A235" s="41"/>
      <c r="B235" s="42" t="s">
        <v>118</v>
      </c>
      <c r="C235" s="136" t="s">
        <v>280</v>
      </c>
      <c r="D235" s="44" t="s">
        <v>120</v>
      </c>
    </row>
    <row r="236" spans="1:29">
      <c r="A236" s="45" t="s">
        <v>449</v>
      </c>
      <c r="B236" s="279">
        <v>12701</v>
      </c>
      <c r="C236" s="280">
        <v>5.9203986620724827</v>
      </c>
      <c r="D236" s="281">
        <v>3.2165946320403371E-2</v>
      </c>
    </row>
    <row r="237" spans="1:29">
      <c r="A237" s="49" t="s">
        <v>450</v>
      </c>
      <c r="B237" s="282">
        <v>3451</v>
      </c>
      <c r="C237" s="283">
        <v>5.8727486477014068</v>
      </c>
      <c r="D237" s="284">
        <v>6.4239813013133862E-2</v>
      </c>
    </row>
    <row r="238" spans="1:29">
      <c r="A238" s="53" t="s">
        <v>451</v>
      </c>
      <c r="B238" s="83">
        <v>282</v>
      </c>
      <c r="C238" s="84">
        <v>5.9467090551675819</v>
      </c>
      <c r="D238" s="85">
        <v>0.17609166320570324</v>
      </c>
    </row>
    <row r="239" spans="1:29">
      <c r="A239" s="49" t="s">
        <v>452</v>
      </c>
      <c r="B239" s="282">
        <v>180</v>
      </c>
      <c r="C239" s="283">
        <v>6.0997686726917024</v>
      </c>
      <c r="D239" s="284">
        <v>0.25628002796958249</v>
      </c>
    </row>
    <row r="240" spans="1:29">
      <c r="A240" s="57" t="s">
        <v>453</v>
      </c>
      <c r="B240" s="279">
        <v>361</v>
      </c>
      <c r="C240" s="280">
        <v>6.025691239645111</v>
      </c>
      <c r="D240" s="281">
        <v>0.18976011972705642</v>
      </c>
    </row>
    <row r="241" spans="1:22">
      <c r="A241" s="49" t="s">
        <v>454</v>
      </c>
      <c r="B241" s="282">
        <v>717</v>
      </c>
      <c r="C241" s="283">
        <v>5.6870725035200289</v>
      </c>
      <c r="D241" s="284">
        <v>0.12143455679803061</v>
      </c>
    </row>
    <row r="242" spans="1:22">
      <c r="A242" s="57" t="s">
        <v>455</v>
      </c>
      <c r="B242" s="279">
        <v>219</v>
      </c>
      <c r="C242" s="280">
        <v>5.4487931977162978</v>
      </c>
      <c r="D242" s="281">
        <v>0.34871241996241853</v>
      </c>
    </row>
    <row r="243" spans="1:22">
      <c r="A243" s="49" t="s">
        <v>456</v>
      </c>
      <c r="B243" s="282">
        <v>676</v>
      </c>
      <c r="C243" s="283">
        <v>6.0249795511989452</v>
      </c>
      <c r="D243" s="284">
        <v>0.12256199897019382</v>
      </c>
    </row>
    <row r="244" spans="1:22">
      <c r="A244" s="57" t="s">
        <v>457</v>
      </c>
      <c r="B244" s="279">
        <v>211</v>
      </c>
      <c r="C244" s="280">
        <v>6.4482860687306101</v>
      </c>
      <c r="D244" s="281">
        <v>0.15763290043287004</v>
      </c>
    </row>
    <row r="245" spans="1:22">
      <c r="A245" s="49" t="s">
        <v>458</v>
      </c>
      <c r="B245" s="282">
        <v>297</v>
      </c>
      <c r="C245" s="283">
        <v>6.1113015305695253</v>
      </c>
      <c r="D245" s="284">
        <v>0.23565831312760821</v>
      </c>
    </row>
    <row r="246" spans="1:22">
      <c r="A246" s="57" t="s">
        <v>459</v>
      </c>
      <c r="B246" s="279">
        <v>456</v>
      </c>
      <c r="C246" s="280">
        <v>5.5071412740460586</v>
      </c>
      <c r="D246" s="281">
        <v>0.19850500038042362</v>
      </c>
    </row>
    <row r="247" spans="1:22">
      <c r="A247" s="49" t="s">
        <v>460</v>
      </c>
      <c r="B247" s="282">
        <v>166</v>
      </c>
      <c r="C247" s="283">
        <v>6.1250526912228986</v>
      </c>
      <c r="D247" s="284">
        <v>0.16840069231357102</v>
      </c>
    </row>
    <row r="250" spans="1:22" ht="18.75">
      <c r="A250" s="331" t="s">
        <v>71</v>
      </c>
      <c r="B250" s="331"/>
      <c r="C250" s="331"/>
      <c r="D250" s="331"/>
      <c r="E250" s="331"/>
      <c r="F250" s="331"/>
      <c r="G250" s="331"/>
      <c r="H250" s="331"/>
      <c r="I250" s="331"/>
      <c r="J250" s="331"/>
      <c r="K250" s="331"/>
      <c r="L250" s="331"/>
      <c r="M250" s="331"/>
      <c r="N250" s="331"/>
      <c r="O250" s="331"/>
      <c r="P250" s="331"/>
      <c r="Q250" s="331"/>
      <c r="R250" s="331"/>
      <c r="S250" s="331"/>
      <c r="T250" s="331"/>
      <c r="U250" s="331"/>
      <c r="V250" s="331"/>
    </row>
    <row r="251" spans="1:22" ht="53.25" customHeight="1">
      <c r="A251" s="364" t="s">
        <v>419</v>
      </c>
      <c r="B251" s="364"/>
      <c r="C251" s="364"/>
      <c r="D251" s="364"/>
      <c r="E251" s="364"/>
      <c r="F251" s="364"/>
      <c r="G251" s="364"/>
      <c r="H251" s="364"/>
      <c r="I251" s="364"/>
      <c r="J251" s="364"/>
      <c r="K251" s="364"/>
      <c r="L251" s="364"/>
      <c r="M251" s="364"/>
      <c r="N251" s="364"/>
      <c r="O251" s="364"/>
      <c r="P251" s="364"/>
      <c r="Q251" s="364"/>
      <c r="R251" s="364"/>
      <c r="S251" s="364"/>
      <c r="T251" s="364"/>
      <c r="U251" s="364"/>
      <c r="V251" s="364"/>
    </row>
    <row r="252" spans="1:22" ht="35.25" customHeight="1">
      <c r="A252" s="64"/>
      <c r="B252" s="351" t="s">
        <v>420</v>
      </c>
      <c r="C252" s="351"/>
      <c r="D252" s="351"/>
      <c r="E252" s="351"/>
      <c r="F252" s="351"/>
      <c r="G252" s="351"/>
      <c r="H252" s="351"/>
      <c r="I252" s="351" t="s">
        <v>281</v>
      </c>
      <c r="J252" s="351"/>
      <c r="K252" s="351"/>
      <c r="L252" s="351"/>
      <c r="M252" s="351"/>
      <c r="N252" s="351"/>
      <c r="O252" s="351"/>
      <c r="P252" s="351" t="s">
        <v>282</v>
      </c>
      <c r="Q252" s="351"/>
      <c r="R252" s="351"/>
      <c r="S252" s="351"/>
      <c r="T252" s="351"/>
      <c r="U252" s="351"/>
      <c r="V252" s="351"/>
    </row>
    <row r="253" spans="1:22" ht="37.5" customHeight="1">
      <c r="A253" s="37" t="s">
        <v>114</v>
      </c>
      <c r="B253" s="38" t="s">
        <v>115</v>
      </c>
      <c r="C253" s="38" t="s">
        <v>300</v>
      </c>
      <c r="D253" s="93" t="s">
        <v>145</v>
      </c>
      <c r="E253" s="38" t="s">
        <v>301</v>
      </c>
      <c r="F253" s="93" t="s">
        <v>146</v>
      </c>
      <c r="G253" s="38" t="s">
        <v>302</v>
      </c>
      <c r="H253" s="93" t="s">
        <v>147</v>
      </c>
      <c r="I253" s="65" t="s">
        <v>115</v>
      </c>
      <c r="J253" s="65" t="s">
        <v>300</v>
      </c>
      <c r="K253" s="92" t="s">
        <v>145</v>
      </c>
      <c r="L253" s="65" t="s">
        <v>301</v>
      </c>
      <c r="M253" s="92" t="s">
        <v>146</v>
      </c>
      <c r="N253" s="65" t="s">
        <v>302</v>
      </c>
      <c r="O253" s="92" t="s">
        <v>147</v>
      </c>
      <c r="P253" s="38" t="s">
        <v>115</v>
      </c>
      <c r="Q253" s="38" t="s">
        <v>300</v>
      </c>
      <c r="R253" s="93" t="s">
        <v>145</v>
      </c>
      <c r="S253" s="38" t="s">
        <v>301</v>
      </c>
      <c r="T253" s="93" t="s">
        <v>146</v>
      </c>
      <c r="U253" s="38" t="s">
        <v>302</v>
      </c>
      <c r="V253" s="93" t="s">
        <v>147</v>
      </c>
    </row>
    <row r="254" spans="1:22" ht="72">
      <c r="A254" s="41"/>
      <c r="B254" s="42" t="s">
        <v>118</v>
      </c>
      <c r="C254" s="42" t="s">
        <v>303</v>
      </c>
      <c r="D254" s="95" t="s">
        <v>148</v>
      </c>
      <c r="E254" s="42" t="s">
        <v>304</v>
      </c>
      <c r="F254" s="95" t="s">
        <v>148</v>
      </c>
      <c r="G254" s="42" t="s">
        <v>305</v>
      </c>
      <c r="H254" s="95" t="s">
        <v>148</v>
      </c>
      <c r="I254" s="68" t="s">
        <v>118</v>
      </c>
      <c r="J254" s="68" t="s">
        <v>303</v>
      </c>
      <c r="K254" s="94" t="s">
        <v>148</v>
      </c>
      <c r="L254" s="68" t="s">
        <v>304</v>
      </c>
      <c r="M254" s="94" t="s">
        <v>148</v>
      </c>
      <c r="N254" s="68" t="s">
        <v>305</v>
      </c>
      <c r="O254" s="94" t="s">
        <v>148</v>
      </c>
      <c r="P254" s="42" t="s">
        <v>118</v>
      </c>
      <c r="Q254" s="42" t="s">
        <v>303</v>
      </c>
      <c r="R254" s="95" t="s">
        <v>148</v>
      </c>
      <c r="S254" s="42" t="s">
        <v>304</v>
      </c>
      <c r="T254" s="95" t="s">
        <v>148</v>
      </c>
      <c r="U254" s="42" t="s">
        <v>305</v>
      </c>
      <c r="V254" s="95" t="s">
        <v>148</v>
      </c>
    </row>
    <row r="255" spans="1:22">
      <c r="A255" s="45" t="s">
        <v>449</v>
      </c>
      <c r="B255" s="279">
        <v>13042</v>
      </c>
      <c r="C255" s="285">
        <v>4.2418202049846795E-2</v>
      </c>
      <c r="D255" s="98">
        <v>3.4639105184031808E-3</v>
      </c>
      <c r="E255" s="285">
        <v>4.8131275105299007E-2</v>
      </c>
      <c r="F255" s="98">
        <v>3.6780036046176402E-3</v>
      </c>
      <c r="G255" s="285">
        <v>0.90945052284485417</v>
      </c>
      <c r="H255" s="98">
        <v>4.9274334818729089E-3</v>
      </c>
      <c r="I255" s="279">
        <v>13032</v>
      </c>
      <c r="J255" s="285">
        <v>0.11197319202819493</v>
      </c>
      <c r="K255" s="98">
        <v>5.4157127460220094E-3</v>
      </c>
      <c r="L255" s="285">
        <v>0.12688942141380696</v>
      </c>
      <c r="M255" s="98">
        <v>5.7160837996128302E-3</v>
      </c>
      <c r="N255" s="285">
        <v>0.76113738655799812</v>
      </c>
      <c r="O255" s="98">
        <v>7.3204787242457433E-3</v>
      </c>
      <c r="P255" s="279">
        <v>12881</v>
      </c>
      <c r="Q255" s="285">
        <v>4.6506186937955427E-2</v>
      </c>
      <c r="R255" s="98">
        <v>3.6412663693756136E-3</v>
      </c>
      <c r="S255" s="285">
        <v>5.6426815123594432E-2</v>
      </c>
      <c r="T255" s="98">
        <v>3.9887976536459382E-3</v>
      </c>
      <c r="U255" s="285">
        <v>0.89706699793845013</v>
      </c>
      <c r="V255" s="98">
        <v>5.2496900555352747E-3</v>
      </c>
    </row>
    <row r="256" spans="1:22">
      <c r="A256" s="49" t="s">
        <v>450</v>
      </c>
      <c r="B256" s="282">
        <v>3557</v>
      </c>
      <c r="C256" s="286">
        <v>5.3058863637890231E-2</v>
      </c>
      <c r="D256" s="101">
        <v>7.3950372931237138E-3</v>
      </c>
      <c r="E256" s="286">
        <v>5.6740946477127928E-2</v>
      </c>
      <c r="F256" s="101">
        <v>7.6298565862576466E-3</v>
      </c>
      <c r="G256" s="286">
        <v>0.89020018988498184</v>
      </c>
      <c r="H256" s="101">
        <v>1.0286624132259239E-2</v>
      </c>
      <c r="I256" s="282">
        <v>3568</v>
      </c>
      <c r="J256" s="286">
        <v>0.10772373446888658</v>
      </c>
      <c r="K256" s="101">
        <v>1.018550286971226E-2</v>
      </c>
      <c r="L256" s="286">
        <v>0.133225813059516</v>
      </c>
      <c r="M256" s="101">
        <v>1.1158684884532449E-2</v>
      </c>
      <c r="N256" s="286">
        <v>0.75905045247159741</v>
      </c>
      <c r="O256" s="101">
        <v>1.4030624363914388E-2</v>
      </c>
      <c r="P256" s="282">
        <v>3518</v>
      </c>
      <c r="Q256" s="286">
        <v>4.0956181717596282E-2</v>
      </c>
      <c r="R256" s="101">
        <v>6.5851999873004887E-3</v>
      </c>
      <c r="S256" s="286">
        <v>5.8278286296774374E-2</v>
      </c>
      <c r="T256" s="101">
        <v>7.7682217353973512E-3</v>
      </c>
      <c r="U256" s="286">
        <v>0.90076553198562936</v>
      </c>
      <c r="V256" s="101">
        <v>9.8942414373455953E-3</v>
      </c>
    </row>
    <row r="257" spans="1:22">
      <c r="A257" s="53" t="s">
        <v>451</v>
      </c>
      <c r="B257" s="54">
        <v>281</v>
      </c>
      <c r="C257" s="190">
        <v>3.8069287727162893E-2</v>
      </c>
      <c r="D257" s="98">
        <v>2.3953733576832083E-2</v>
      </c>
      <c r="E257" s="190">
        <v>6.0264030832573728E-2</v>
      </c>
      <c r="F257" s="98">
        <v>2.8913902375872894E-2</v>
      </c>
      <c r="G257" s="190">
        <v>0.90166668144026341</v>
      </c>
      <c r="H257" s="98">
        <v>3.543645874674984E-2</v>
      </c>
      <c r="I257" s="54">
        <v>283</v>
      </c>
      <c r="J257" s="190">
        <v>5.8990985213871125E-2</v>
      </c>
      <c r="K257" s="98">
        <v>2.8549886619662755E-2</v>
      </c>
      <c r="L257" s="190">
        <v>0.16852763763228851</v>
      </c>
      <c r="M257" s="98">
        <v>4.3776115282825406E-2</v>
      </c>
      <c r="N257" s="190">
        <v>0.77248137715384035</v>
      </c>
      <c r="O257" s="98">
        <v>4.8785645932538708E-2</v>
      </c>
      <c r="P257" s="287">
        <v>280</v>
      </c>
      <c r="Q257" s="190">
        <v>2.2425328585890272E-2</v>
      </c>
      <c r="R257" s="98">
        <v>1.9566122386941408E-2</v>
      </c>
      <c r="S257" s="190">
        <v>4.9293235706631078E-2</v>
      </c>
      <c r="T257" s="98">
        <v>2.6660219960492844E-2</v>
      </c>
      <c r="U257" s="190">
        <v>0.92828143570747867</v>
      </c>
      <c r="V257" s="98">
        <v>3.1143915698107014E-2</v>
      </c>
    </row>
    <row r="258" spans="1:22">
      <c r="A258" s="49" t="s">
        <v>452</v>
      </c>
      <c r="B258" s="282">
        <v>179</v>
      </c>
      <c r="C258" s="286">
        <v>2.5489029679348317E-2</v>
      </c>
      <c r="D258" s="101">
        <v>2.6940813134419647E-2</v>
      </c>
      <c r="E258" s="286">
        <v>0</v>
      </c>
      <c r="F258" s="101">
        <v>1.5063771594139899E-2</v>
      </c>
      <c r="G258" s="286">
        <v>0.9745109703206517</v>
      </c>
      <c r="H258" s="101">
        <v>2.6940813134419681E-2</v>
      </c>
      <c r="I258" s="282">
        <v>180</v>
      </c>
      <c r="J258" s="286">
        <v>0.14189555602439671</v>
      </c>
      <c r="K258" s="101">
        <v>5.1549061672051887E-2</v>
      </c>
      <c r="L258" s="286">
        <v>0.10378374830096961</v>
      </c>
      <c r="M258" s="101">
        <v>4.5638792469661647E-2</v>
      </c>
      <c r="N258" s="286">
        <v>0.75432069567463367</v>
      </c>
      <c r="O258" s="101">
        <v>6.2667807306405643E-2</v>
      </c>
      <c r="P258" s="282">
        <v>176</v>
      </c>
      <c r="Q258" s="286">
        <v>5.7186938734456426E-2</v>
      </c>
      <c r="R258" s="101">
        <v>3.6532545675471255E-2</v>
      </c>
      <c r="S258" s="286">
        <v>3.864517041302299E-2</v>
      </c>
      <c r="T258" s="101">
        <v>3.1504805874172676E-2</v>
      </c>
      <c r="U258" s="286">
        <v>0.90416789085252058</v>
      </c>
      <c r="V258" s="101">
        <v>4.4749213650490602E-2</v>
      </c>
    </row>
    <row r="259" spans="1:22">
      <c r="A259" s="57" t="s">
        <v>453</v>
      </c>
      <c r="B259" s="279">
        <v>359</v>
      </c>
      <c r="C259" s="285">
        <v>2.0513488248795734E-2</v>
      </c>
      <c r="D259" s="98">
        <v>1.6308454194243968E-2</v>
      </c>
      <c r="E259" s="285">
        <v>4.7769170525889859E-2</v>
      </c>
      <c r="F259" s="98">
        <v>2.2996182419596049E-2</v>
      </c>
      <c r="G259" s="285">
        <v>0.93171734122531435</v>
      </c>
      <c r="H259" s="98">
        <v>2.6767837971434692E-2</v>
      </c>
      <c r="I259" s="279">
        <v>359</v>
      </c>
      <c r="J259" s="285">
        <v>9.2118028978015423E-2</v>
      </c>
      <c r="K259" s="98">
        <v>3.0391815949435401E-2</v>
      </c>
      <c r="L259" s="285">
        <v>0.12850131197471115</v>
      </c>
      <c r="M259" s="98">
        <v>3.4888093676225279E-2</v>
      </c>
      <c r="N259" s="285">
        <v>0.77938065904727349</v>
      </c>
      <c r="O259" s="98">
        <v>4.2869567667079993E-2</v>
      </c>
      <c r="P259" s="279">
        <v>353</v>
      </c>
      <c r="Q259" s="285">
        <v>2.2886473138089291E-2</v>
      </c>
      <c r="R259" s="98">
        <v>1.7182098169871055E-2</v>
      </c>
      <c r="S259" s="285">
        <v>4.5752840252308795E-2</v>
      </c>
      <c r="T259" s="98">
        <v>2.2787901240444858E-2</v>
      </c>
      <c r="U259" s="285">
        <v>0.93136068660960192</v>
      </c>
      <c r="V259" s="98">
        <v>2.7065340298244853E-2</v>
      </c>
    </row>
    <row r="260" spans="1:22">
      <c r="A260" s="49" t="s">
        <v>454</v>
      </c>
      <c r="B260" s="282">
        <v>710</v>
      </c>
      <c r="C260" s="286">
        <v>4.8168003985140283E-2</v>
      </c>
      <c r="D260" s="101">
        <v>1.6091989812220622E-2</v>
      </c>
      <c r="E260" s="286">
        <v>6.4573484029905731E-2</v>
      </c>
      <c r="F260" s="101">
        <v>1.8341034831423266E-2</v>
      </c>
      <c r="G260" s="286">
        <v>0.88725851198495398</v>
      </c>
      <c r="H260" s="101">
        <v>2.339274813542323E-2</v>
      </c>
      <c r="I260" s="282">
        <v>715</v>
      </c>
      <c r="J260" s="286">
        <v>0.11501005004817155</v>
      </c>
      <c r="K260" s="101">
        <v>2.3507650216350106E-2</v>
      </c>
      <c r="L260" s="286">
        <v>0.18449838438701918</v>
      </c>
      <c r="M260" s="101">
        <v>2.845696057719245E-2</v>
      </c>
      <c r="N260" s="286">
        <v>0.70049156556480929</v>
      </c>
      <c r="O260" s="101">
        <v>3.3516506227867414E-2</v>
      </c>
      <c r="P260" s="282">
        <v>707</v>
      </c>
      <c r="Q260" s="286">
        <v>3.9639325548014415E-2</v>
      </c>
      <c r="R260" s="101">
        <v>1.4782870905109611E-2</v>
      </c>
      <c r="S260" s="286">
        <v>8.4255003092600825E-2</v>
      </c>
      <c r="T260" s="101">
        <v>2.0672688098717605E-2</v>
      </c>
      <c r="U260" s="286">
        <v>0.87610567135938477</v>
      </c>
      <c r="V260" s="101">
        <v>2.4393683385160143E-2</v>
      </c>
    </row>
    <row r="261" spans="1:22">
      <c r="A261" s="57" t="s">
        <v>455</v>
      </c>
      <c r="B261" s="279">
        <v>219</v>
      </c>
      <c r="C261" s="285">
        <v>0.11139472418046249</v>
      </c>
      <c r="D261" s="98">
        <v>4.2399433667598012E-2</v>
      </c>
      <c r="E261" s="285">
        <v>0.10106834613858201</v>
      </c>
      <c r="F261" s="98">
        <v>4.0774950797679378E-2</v>
      </c>
      <c r="G261" s="285">
        <v>0.78753692968095546</v>
      </c>
      <c r="H261" s="98">
        <v>5.415797345814502E-2</v>
      </c>
      <c r="I261" s="279">
        <v>221</v>
      </c>
      <c r="J261" s="285">
        <v>0.22104125323483051</v>
      </c>
      <c r="K261" s="98">
        <v>5.4649962194674905E-2</v>
      </c>
      <c r="L261" s="285">
        <v>8.480195914666859E-2</v>
      </c>
      <c r="M261" s="98">
        <v>3.7799837430598345E-2</v>
      </c>
      <c r="N261" s="285">
        <v>0.69415678761850086</v>
      </c>
      <c r="O261" s="98">
        <v>6.0394517881131676E-2</v>
      </c>
      <c r="P261" s="279">
        <v>218</v>
      </c>
      <c r="Q261" s="288">
        <v>8.6295661069253571E-2</v>
      </c>
      <c r="R261" s="98">
        <v>3.8343239554360191E-2</v>
      </c>
      <c r="S261" s="285">
        <v>7.2654249996412248E-2</v>
      </c>
      <c r="T261" s="98">
        <v>3.5759719645554959E-2</v>
      </c>
      <c r="U261" s="285">
        <v>0.84105008893433419</v>
      </c>
      <c r="V261" s="98">
        <v>4.8838805201509093E-2</v>
      </c>
    </row>
    <row r="262" spans="1:22">
      <c r="A262" s="49" t="s">
        <v>456</v>
      </c>
      <c r="B262" s="282">
        <v>671</v>
      </c>
      <c r="C262" s="286">
        <v>5.6844708663073014E-2</v>
      </c>
      <c r="D262" s="101">
        <v>1.7841947829934663E-2</v>
      </c>
      <c r="E262" s="286">
        <v>3.6126225638854488E-2</v>
      </c>
      <c r="F262" s="101">
        <v>1.4582429915114553E-2</v>
      </c>
      <c r="G262" s="286">
        <v>0.90702906569807251</v>
      </c>
      <c r="H262" s="101">
        <v>2.2160112538412689E-2</v>
      </c>
      <c r="I262" s="282">
        <v>672</v>
      </c>
      <c r="J262" s="286">
        <v>6.7366836985150017E-2</v>
      </c>
      <c r="K262" s="101">
        <v>1.9224856458142651E-2</v>
      </c>
      <c r="L262" s="286">
        <v>9.3111554187562104E-2</v>
      </c>
      <c r="M262" s="101">
        <v>2.2157853838031327E-2</v>
      </c>
      <c r="N262" s="286">
        <v>0.83952160882728788</v>
      </c>
      <c r="O262" s="101">
        <v>2.7809183464471303E-2</v>
      </c>
      <c r="P262" s="282">
        <v>668</v>
      </c>
      <c r="Q262" s="286">
        <v>4.2574832797983873E-2</v>
      </c>
      <c r="R262" s="101">
        <v>1.572327628323664E-2</v>
      </c>
      <c r="S262" s="286">
        <v>4.3467192264570347E-2</v>
      </c>
      <c r="T262" s="101">
        <v>1.586910429611459E-2</v>
      </c>
      <c r="U262" s="286">
        <v>0.91395797493744579</v>
      </c>
      <c r="V262" s="101">
        <v>2.147508210536192E-2</v>
      </c>
    </row>
    <row r="263" spans="1:22">
      <c r="A263" s="57" t="s">
        <v>457</v>
      </c>
      <c r="B263" s="279">
        <v>212</v>
      </c>
      <c r="C263" s="285">
        <v>4.7476102310780406E-3</v>
      </c>
      <c r="D263" s="98">
        <v>1.5623874853267477E-2</v>
      </c>
      <c r="E263" s="285">
        <v>1.6991081531089181E-2</v>
      </c>
      <c r="F263" s="98">
        <v>2.1196879150077258E-2</v>
      </c>
      <c r="G263" s="285">
        <v>0.97826130823783275</v>
      </c>
      <c r="H263" s="98">
        <v>2.2967286207208819E-2</v>
      </c>
      <c r="I263" s="279">
        <v>209</v>
      </c>
      <c r="J263" s="288">
        <v>7.4772581566418694E-2</v>
      </c>
      <c r="K263" s="98">
        <v>3.7000995048882414E-2</v>
      </c>
      <c r="L263" s="285">
        <v>3.1333480123200322E-2</v>
      </c>
      <c r="M263" s="98">
        <v>2.6359160717111516E-2</v>
      </c>
      <c r="N263" s="285">
        <v>0.893893938310381</v>
      </c>
      <c r="O263" s="98">
        <v>4.2599920976093442E-2</v>
      </c>
      <c r="P263" s="279">
        <v>204</v>
      </c>
      <c r="Q263" s="285">
        <v>9.5148493427552952E-3</v>
      </c>
      <c r="R263" s="98">
        <v>1.8528648593814638E-2</v>
      </c>
      <c r="S263" s="285">
        <v>1.1202579861802616E-2</v>
      </c>
      <c r="T263" s="98">
        <v>1.9304749606366137E-2</v>
      </c>
      <c r="U263" s="285">
        <v>0.97928257079544212</v>
      </c>
      <c r="V263" s="98">
        <v>2.3158490432699026E-2</v>
      </c>
    </row>
    <row r="264" spans="1:22">
      <c r="A264" s="49" t="s">
        <v>458</v>
      </c>
      <c r="B264" s="282">
        <v>296</v>
      </c>
      <c r="C264" s="286">
        <v>4.6996942048655954E-2</v>
      </c>
      <c r="D264" s="101">
        <v>2.5360123145883241E-2</v>
      </c>
      <c r="E264" s="286">
        <v>6.7813184565097438E-4</v>
      </c>
      <c r="F264" s="101">
        <v>9.6564855356376916E-3</v>
      </c>
      <c r="G264" s="286">
        <v>0.95232492610569308</v>
      </c>
      <c r="H264" s="101">
        <v>2.5510570386495256E-2</v>
      </c>
      <c r="I264" s="282">
        <v>298</v>
      </c>
      <c r="J264" s="286">
        <v>8.3080828318196201E-2</v>
      </c>
      <c r="K264" s="101">
        <v>3.2050179803752708E-2</v>
      </c>
      <c r="L264" s="286">
        <v>0.13063396909834227</v>
      </c>
      <c r="M264" s="101">
        <v>3.8604701147558158E-2</v>
      </c>
      <c r="N264" s="286">
        <v>0.78628520258346157</v>
      </c>
      <c r="O264" s="101">
        <v>4.6529587298581768E-2</v>
      </c>
      <c r="P264" s="282">
        <v>291</v>
      </c>
      <c r="Q264" s="286">
        <v>2.6005242147846035E-2</v>
      </c>
      <c r="R264" s="101">
        <v>2.0215037537089434E-2</v>
      </c>
      <c r="S264" s="286">
        <v>2.5141553940392643E-2</v>
      </c>
      <c r="T264" s="101">
        <v>1.9956532335025902E-2</v>
      </c>
      <c r="U264" s="286">
        <v>0.94885320391176131</v>
      </c>
      <c r="V264" s="101">
        <v>2.6507593112540091E-2</v>
      </c>
    </row>
    <row r="265" spans="1:22">
      <c r="A265" s="57" t="s">
        <v>459</v>
      </c>
      <c r="B265" s="279">
        <v>453</v>
      </c>
      <c r="C265" s="285">
        <v>9.4669882287538532E-2</v>
      </c>
      <c r="D265" s="98">
        <v>2.7286231897744706E-2</v>
      </c>
      <c r="E265" s="285">
        <v>0.12216636110964151</v>
      </c>
      <c r="F265" s="98">
        <v>3.037108967074742E-2</v>
      </c>
      <c r="G265" s="285">
        <v>0.78316375660281989</v>
      </c>
      <c r="H265" s="98">
        <v>3.7937599185078226E-2</v>
      </c>
      <c r="I265" s="279">
        <v>456</v>
      </c>
      <c r="J265" s="288">
        <v>0.17227163060451592</v>
      </c>
      <c r="K265" s="98">
        <v>3.473296235922927E-2</v>
      </c>
      <c r="L265" s="285">
        <v>0.14727003116430012</v>
      </c>
      <c r="M265" s="98">
        <v>3.2661320834381211E-2</v>
      </c>
      <c r="N265" s="285">
        <v>0.68045833823118396</v>
      </c>
      <c r="O265" s="98">
        <v>4.2668176681791223E-2</v>
      </c>
      <c r="P265" s="279">
        <v>446</v>
      </c>
      <c r="Q265" s="285">
        <v>6.2602541160430208E-2</v>
      </c>
      <c r="R265" s="98">
        <v>2.3019137186964203E-2</v>
      </c>
      <c r="S265" s="285">
        <v>9.7239105927257347E-2</v>
      </c>
      <c r="T265" s="98">
        <v>2.7819220429902293E-2</v>
      </c>
      <c r="U265" s="285">
        <v>0.84015835291231244</v>
      </c>
      <c r="V265" s="98">
        <v>3.4116285769815395E-2</v>
      </c>
    </row>
    <row r="266" spans="1:22">
      <c r="A266" s="49" t="s">
        <v>460</v>
      </c>
      <c r="B266" s="282">
        <v>165</v>
      </c>
      <c r="C266" s="286">
        <v>1.0540857391265682E-2</v>
      </c>
      <c r="D266" s="101">
        <v>2.2176992066432515E-2</v>
      </c>
      <c r="E266" s="286">
        <v>2.7047663880284383E-2</v>
      </c>
      <c r="F266" s="101">
        <v>2.8914443750434633E-2</v>
      </c>
      <c r="G266" s="286">
        <v>0.9624114787284499</v>
      </c>
      <c r="H266" s="101">
        <v>3.2398796774236432E-2</v>
      </c>
      <c r="I266" s="282">
        <v>163</v>
      </c>
      <c r="J266" s="286">
        <v>7.6017994601636926E-2</v>
      </c>
      <c r="K266" s="101">
        <v>4.2561410334923312E-2</v>
      </c>
      <c r="L266" s="286">
        <v>0.15097532665365959</v>
      </c>
      <c r="M266" s="101">
        <v>5.5509220827122778E-2</v>
      </c>
      <c r="N266" s="286">
        <v>0.77300667874470352</v>
      </c>
      <c r="O266" s="101">
        <v>6.4167971409241409E-2</v>
      </c>
      <c r="P266" s="282">
        <v>164</v>
      </c>
      <c r="Q266" s="286">
        <v>2.6744994371500984E-2</v>
      </c>
      <c r="R266" s="101">
        <v>2.8916914048027601E-2</v>
      </c>
      <c r="S266" s="286">
        <v>1.9280769967205916E-2</v>
      </c>
      <c r="T266" s="101">
        <v>2.6096418812878486E-2</v>
      </c>
      <c r="U266" s="286">
        <v>0.95397423566129314</v>
      </c>
      <c r="V266" s="101">
        <v>3.501079985801861E-2</v>
      </c>
    </row>
  </sheetData>
  <mergeCells count="60">
    <mergeCell ref="A3:D3"/>
    <mergeCell ref="A4:D4"/>
    <mergeCell ref="A5:D5"/>
    <mergeCell ref="A22:AQ22"/>
    <mergeCell ref="A23:AQ23"/>
    <mergeCell ref="AK24:AQ24"/>
    <mergeCell ref="A41:D41"/>
    <mergeCell ref="A42:D42"/>
    <mergeCell ref="A43:D43"/>
    <mergeCell ref="A60:O60"/>
    <mergeCell ref="B24:H24"/>
    <mergeCell ref="I24:O24"/>
    <mergeCell ref="P24:V24"/>
    <mergeCell ref="W24:AC24"/>
    <mergeCell ref="AD24:AJ24"/>
    <mergeCell ref="A61:O61"/>
    <mergeCell ref="B62:H62"/>
    <mergeCell ref="I62:O62"/>
    <mergeCell ref="A79:D79"/>
    <mergeCell ref="A80:D80"/>
    <mergeCell ref="A81:D81"/>
    <mergeCell ref="A98:V98"/>
    <mergeCell ref="A99:V99"/>
    <mergeCell ref="B100:H100"/>
    <mergeCell ref="I100:O100"/>
    <mergeCell ref="P100:V100"/>
    <mergeCell ref="A117:D117"/>
    <mergeCell ref="A118:D118"/>
    <mergeCell ref="A119:D119"/>
    <mergeCell ref="A137:O137"/>
    <mergeCell ref="A136:O136"/>
    <mergeCell ref="A157:D157"/>
    <mergeCell ref="B176:H176"/>
    <mergeCell ref="I176:O176"/>
    <mergeCell ref="B138:H138"/>
    <mergeCell ref="I138:O138"/>
    <mergeCell ref="A155:D155"/>
    <mergeCell ref="A156:D156"/>
    <mergeCell ref="A193:D193"/>
    <mergeCell ref="A194:D194"/>
    <mergeCell ref="A195:D195"/>
    <mergeCell ref="A212:AC212"/>
    <mergeCell ref="A213:AC213"/>
    <mergeCell ref="B214:H214"/>
    <mergeCell ref="I214:O214"/>
    <mergeCell ref="P214:V214"/>
    <mergeCell ref="W214:AC214"/>
    <mergeCell ref="A231:D231"/>
    <mergeCell ref="A232:D232"/>
    <mergeCell ref="A233:D233"/>
    <mergeCell ref="A250:V250"/>
    <mergeCell ref="A251:V251"/>
    <mergeCell ref="B252:H252"/>
    <mergeCell ref="I252:O252"/>
    <mergeCell ref="P252:V252"/>
    <mergeCell ref="P176:V176"/>
    <mergeCell ref="W176:AC176"/>
    <mergeCell ref="AD176:AJ176"/>
    <mergeCell ref="A175:AJ175"/>
    <mergeCell ref="A174:AJ174"/>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38"/>
  <sheetViews>
    <sheetView topLeftCell="AV24" workbookViewId="0">
      <selection activeCell="AU40" sqref="AU40:AW51"/>
    </sheetView>
  </sheetViews>
  <sheetFormatPr defaultColWidth="21.28515625" defaultRowHeight="15"/>
  <cols>
    <col min="1" max="1" width="31.7109375" customWidth="1"/>
  </cols>
  <sheetData>
    <row r="1" spans="1:4" ht="31.5">
      <c r="A1" s="33" t="s">
        <v>72</v>
      </c>
    </row>
    <row r="3" spans="1:4" ht="18.75">
      <c r="A3" s="331" t="s">
        <v>21</v>
      </c>
      <c r="B3" s="331"/>
      <c r="C3" s="331"/>
      <c r="D3" s="331"/>
    </row>
    <row r="4" spans="1:4" ht="166.5" customHeight="1">
      <c r="A4" s="364" t="s">
        <v>421</v>
      </c>
      <c r="B4" s="364"/>
      <c r="C4" s="364"/>
      <c r="D4" s="364"/>
    </row>
    <row r="5" spans="1:4" ht="36.75" customHeight="1">
      <c r="A5" s="333" t="s">
        <v>283</v>
      </c>
      <c r="B5" s="333"/>
      <c r="C5" s="333"/>
      <c r="D5" s="333"/>
    </row>
    <row r="6" spans="1:4" ht="72">
      <c r="A6" s="37" t="s">
        <v>114</v>
      </c>
      <c r="B6" s="38" t="s">
        <v>115</v>
      </c>
      <c r="C6" s="39" t="s">
        <v>116</v>
      </c>
      <c r="D6" s="40" t="s">
        <v>117</v>
      </c>
    </row>
    <row r="7" spans="1:4" ht="60">
      <c r="A7" s="41"/>
      <c r="B7" s="42" t="s">
        <v>118</v>
      </c>
      <c r="C7" s="136" t="s">
        <v>284</v>
      </c>
      <c r="D7" s="44" t="s">
        <v>120</v>
      </c>
    </row>
    <row r="8" spans="1:4">
      <c r="A8" s="45" t="s">
        <v>449</v>
      </c>
      <c r="B8" s="289">
        <v>6788</v>
      </c>
      <c r="C8" s="290">
        <v>3.8</v>
      </c>
      <c r="D8" s="291">
        <v>5.9110551624445229E-2</v>
      </c>
    </row>
    <row r="9" spans="1:4">
      <c r="A9" s="49" t="s">
        <v>450</v>
      </c>
      <c r="B9" s="292">
        <v>1949</v>
      </c>
      <c r="C9" s="293">
        <v>3.62408986013331</v>
      </c>
      <c r="D9" s="294">
        <v>0.10891288398880494</v>
      </c>
    </row>
    <row r="10" spans="1:4">
      <c r="A10" s="53" t="s">
        <v>451</v>
      </c>
      <c r="B10" s="83">
        <v>143</v>
      </c>
      <c r="C10" s="84">
        <v>4.3542491798791083</v>
      </c>
      <c r="D10" s="85">
        <v>0.42906905854445343</v>
      </c>
    </row>
    <row r="11" spans="1:4">
      <c r="A11" s="49" t="s">
        <v>452</v>
      </c>
      <c r="B11" s="292">
        <v>95</v>
      </c>
      <c r="C11" s="293">
        <v>4.612474041925438</v>
      </c>
      <c r="D11" s="294">
        <v>0.35958477608414796</v>
      </c>
    </row>
    <row r="12" spans="1:4">
      <c r="A12" s="57" t="s">
        <v>453</v>
      </c>
      <c r="B12" s="289">
        <v>200</v>
      </c>
      <c r="C12" s="290">
        <v>4.2638361796361846</v>
      </c>
      <c r="D12" s="291">
        <v>0.38872868215327783</v>
      </c>
    </row>
    <row r="13" spans="1:4">
      <c r="A13" s="49" t="s">
        <v>454</v>
      </c>
      <c r="B13" s="292">
        <v>415</v>
      </c>
      <c r="C13" s="293">
        <v>4.434512383023006</v>
      </c>
      <c r="D13" s="294">
        <v>0.23487609281992672</v>
      </c>
    </row>
    <row r="14" spans="1:4">
      <c r="A14" s="57" t="s">
        <v>455</v>
      </c>
      <c r="B14" s="289">
        <v>151</v>
      </c>
      <c r="C14" s="290">
        <v>4.5410441564823953</v>
      </c>
      <c r="D14" s="291">
        <v>0.43171260299005443</v>
      </c>
    </row>
    <row r="15" spans="1:4">
      <c r="A15" s="49" t="s">
        <v>456</v>
      </c>
      <c r="B15" s="292">
        <v>409</v>
      </c>
      <c r="C15" s="293">
        <v>4.4486513135610313</v>
      </c>
      <c r="D15" s="294">
        <v>0.21581704517829614</v>
      </c>
    </row>
    <row r="16" spans="1:4">
      <c r="A16" s="57" t="s">
        <v>457</v>
      </c>
      <c r="B16" s="289">
        <v>131</v>
      </c>
      <c r="C16" s="290">
        <v>4.5153513633356006</v>
      </c>
      <c r="D16" s="291">
        <v>0.38952786991675481</v>
      </c>
    </row>
    <row r="17" spans="1:78">
      <c r="A17" s="49" t="s">
        <v>458</v>
      </c>
      <c r="B17" s="292">
        <v>126</v>
      </c>
      <c r="C17" s="293">
        <v>4.2322738443902983</v>
      </c>
      <c r="D17" s="294">
        <v>0.40774707465381255</v>
      </c>
    </row>
    <row r="18" spans="1:78">
      <c r="A18" s="57" t="s">
        <v>459</v>
      </c>
      <c r="B18" s="289">
        <v>217</v>
      </c>
      <c r="C18" s="290">
        <v>4.0158252576342557</v>
      </c>
      <c r="D18" s="291">
        <v>0.32097234953725451</v>
      </c>
    </row>
    <row r="19" spans="1:78">
      <c r="A19" s="49" t="s">
        <v>460</v>
      </c>
      <c r="B19" s="292">
        <v>109</v>
      </c>
      <c r="C19" s="293">
        <v>4.9758669851640471</v>
      </c>
      <c r="D19" s="294">
        <v>0.52650718867632662</v>
      </c>
    </row>
    <row r="22" spans="1:78" ht="18.75">
      <c r="A22" s="331" t="s">
        <v>73</v>
      </c>
      <c r="B22" s="331"/>
      <c r="C22" s="331"/>
      <c r="D22" s="331"/>
      <c r="E22" s="331"/>
      <c r="F22" s="331"/>
      <c r="G22" s="331"/>
      <c r="H22" s="331"/>
      <c r="I22" s="331"/>
      <c r="J22" s="331"/>
      <c r="K22" s="331"/>
      <c r="L22" s="331"/>
      <c r="M22" s="331"/>
      <c r="N22" s="331"/>
      <c r="O22" s="331"/>
      <c r="P22" s="331"/>
      <c r="Q22" s="331"/>
      <c r="R22" s="331"/>
      <c r="S22" s="331"/>
      <c r="T22" s="331"/>
      <c r="U22" s="331"/>
      <c r="V22" s="331"/>
      <c r="W22" s="331"/>
      <c r="X22" s="331"/>
      <c r="Y22" s="331"/>
      <c r="Z22" s="331"/>
      <c r="AA22" s="331"/>
      <c r="AB22" s="331"/>
      <c r="AC22" s="331"/>
      <c r="AD22" s="331"/>
      <c r="AE22" s="331"/>
      <c r="AF22" s="331"/>
      <c r="AG22" s="331"/>
      <c r="AH22" s="331"/>
      <c r="AI22" s="331"/>
      <c r="AJ22" s="331"/>
      <c r="AK22" s="331"/>
      <c r="AL22" s="331"/>
      <c r="AM22" s="331"/>
      <c r="AN22" s="331"/>
      <c r="AO22" s="331"/>
      <c r="AP22" s="331"/>
      <c r="AQ22" s="331"/>
      <c r="AR22" s="331"/>
      <c r="AS22" s="331"/>
      <c r="AT22" s="331"/>
      <c r="AU22" s="331"/>
      <c r="AV22" s="331"/>
      <c r="AW22" s="331"/>
      <c r="AX22" s="331"/>
      <c r="AY22" s="331"/>
      <c r="AZ22" s="331"/>
      <c r="BA22" s="331"/>
      <c r="BB22" s="331"/>
      <c r="BC22" s="331"/>
      <c r="BD22" s="331"/>
      <c r="BE22" s="331"/>
      <c r="BF22" s="331"/>
      <c r="BG22" s="331"/>
      <c r="BH22" s="331"/>
      <c r="BI22" s="331"/>
      <c r="BJ22" s="331"/>
      <c r="BK22" s="331"/>
      <c r="BL22" s="331"/>
      <c r="BM22" s="331"/>
      <c r="BN22" s="331"/>
      <c r="BO22" s="331"/>
      <c r="BP22" s="331"/>
      <c r="BQ22" s="331"/>
      <c r="BR22" s="331"/>
      <c r="BS22" s="331"/>
      <c r="BT22" s="331"/>
      <c r="BU22" s="331"/>
      <c r="BV22" s="331"/>
      <c r="BW22" s="331"/>
      <c r="BX22" s="331"/>
      <c r="BY22" s="331"/>
      <c r="BZ22" s="331"/>
    </row>
    <row r="23" spans="1:78" ht="54" customHeight="1">
      <c r="A23" s="362" t="s">
        <v>423</v>
      </c>
      <c r="B23" s="362"/>
      <c r="C23" s="362"/>
      <c r="D23" s="362"/>
      <c r="E23" s="362"/>
      <c r="F23" s="362"/>
      <c r="G23" s="362"/>
      <c r="H23" s="362"/>
      <c r="I23" s="362"/>
      <c r="J23" s="362"/>
      <c r="K23" s="362"/>
      <c r="L23" s="362"/>
      <c r="M23" s="362"/>
      <c r="N23" s="362"/>
      <c r="O23" s="362"/>
      <c r="P23" s="362"/>
      <c r="Q23" s="362"/>
      <c r="R23" s="362"/>
      <c r="S23" s="362"/>
      <c r="T23" s="362"/>
      <c r="U23" s="362"/>
      <c r="V23" s="362"/>
      <c r="W23" s="362"/>
      <c r="X23" s="362"/>
      <c r="Y23" s="362"/>
      <c r="Z23" s="362"/>
      <c r="AA23" s="362"/>
      <c r="AB23" s="362"/>
      <c r="AC23" s="362"/>
      <c r="AD23" s="362"/>
      <c r="AE23" s="362"/>
      <c r="AF23" s="362"/>
      <c r="AG23" s="362"/>
      <c r="AH23" s="362"/>
      <c r="AI23" s="362"/>
      <c r="AJ23" s="362"/>
      <c r="AK23" s="362"/>
      <c r="AL23" s="362"/>
      <c r="AM23" s="362"/>
      <c r="AN23" s="362"/>
      <c r="AO23" s="362"/>
      <c r="AP23" s="362"/>
      <c r="AQ23" s="362"/>
      <c r="AR23" s="362"/>
      <c r="AS23" s="362"/>
      <c r="AT23" s="362"/>
      <c r="AU23" s="362"/>
      <c r="AV23" s="362"/>
      <c r="AW23" s="362"/>
      <c r="AX23" s="362"/>
      <c r="AY23" s="362"/>
      <c r="AZ23" s="362"/>
      <c r="BA23" s="362"/>
      <c r="BB23" s="362"/>
      <c r="BC23" s="362"/>
      <c r="BD23" s="362"/>
      <c r="BE23" s="362"/>
      <c r="BF23" s="362"/>
      <c r="BG23" s="362"/>
      <c r="BH23" s="362"/>
      <c r="BI23" s="362"/>
      <c r="BJ23" s="362"/>
      <c r="BK23" s="362"/>
      <c r="BL23" s="362"/>
      <c r="BM23" s="362"/>
      <c r="BN23" s="362"/>
      <c r="BO23" s="362"/>
      <c r="BP23" s="362"/>
      <c r="BQ23" s="362"/>
      <c r="BR23" s="362"/>
      <c r="BS23" s="362"/>
      <c r="BT23" s="362"/>
      <c r="BU23" s="362"/>
      <c r="BV23" s="362"/>
      <c r="BW23" s="362"/>
      <c r="BX23" s="362"/>
      <c r="BY23" s="362"/>
      <c r="BZ23" s="362"/>
    </row>
    <row r="24" spans="1:78" ht="33.75" customHeight="1">
      <c r="A24" s="64"/>
      <c r="B24" s="351" t="s">
        <v>422</v>
      </c>
      <c r="C24" s="351"/>
      <c r="D24" s="351"/>
      <c r="E24" s="351"/>
      <c r="F24" s="351"/>
      <c r="G24" s="351"/>
      <c r="H24" s="351"/>
      <c r="I24" s="366" t="s">
        <v>285</v>
      </c>
      <c r="J24" s="367"/>
      <c r="K24" s="367"/>
      <c r="L24" s="367"/>
      <c r="M24" s="367"/>
      <c r="N24" s="367"/>
      <c r="O24" s="368"/>
      <c r="P24" s="366" t="s">
        <v>424</v>
      </c>
      <c r="Q24" s="367"/>
      <c r="R24" s="367"/>
      <c r="S24" s="367"/>
      <c r="T24" s="367"/>
      <c r="U24" s="367"/>
      <c r="V24" s="368"/>
      <c r="W24" s="366" t="s">
        <v>286</v>
      </c>
      <c r="X24" s="367"/>
      <c r="Y24" s="367"/>
      <c r="Z24" s="367"/>
      <c r="AA24" s="367"/>
      <c r="AB24" s="367"/>
      <c r="AC24" s="368"/>
      <c r="AD24" s="366" t="s">
        <v>287</v>
      </c>
      <c r="AE24" s="367"/>
      <c r="AF24" s="367"/>
      <c r="AG24" s="367"/>
      <c r="AH24" s="367"/>
      <c r="AI24" s="367"/>
      <c r="AJ24" s="368"/>
      <c r="AK24" s="366" t="s">
        <v>288</v>
      </c>
      <c r="AL24" s="367"/>
      <c r="AM24" s="367"/>
      <c r="AN24" s="367"/>
      <c r="AO24" s="367"/>
      <c r="AP24" s="367"/>
      <c r="AQ24" s="368"/>
      <c r="AR24" s="366" t="s">
        <v>425</v>
      </c>
      <c r="AS24" s="367"/>
      <c r="AT24" s="367"/>
      <c r="AU24" s="367"/>
      <c r="AV24" s="367"/>
      <c r="AW24" s="367"/>
      <c r="AX24" s="368"/>
      <c r="AY24" s="366" t="s">
        <v>426</v>
      </c>
      <c r="AZ24" s="367"/>
      <c r="BA24" s="367"/>
      <c r="BB24" s="367"/>
      <c r="BC24" s="367"/>
      <c r="BD24" s="367"/>
      <c r="BE24" s="368"/>
      <c r="BF24" s="366" t="s">
        <v>427</v>
      </c>
      <c r="BG24" s="367"/>
      <c r="BH24" s="367"/>
      <c r="BI24" s="367"/>
      <c r="BJ24" s="367"/>
      <c r="BK24" s="367"/>
      <c r="BL24" s="368"/>
      <c r="BM24" s="351" t="s">
        <v>428</v>
      </c>
      <c r="BN24" s="351"/>
      <c r="BO24" s="351"/>
      <c r="BP24" s="351"/>
      <c r="BQ24" s="351"/>
      <c r="BR24" s="351"/>
      <c r="BS24" s="351"/>
      <c r="BT24" s="351" t="s">
        <v>429</v>
      </c>
      <c r="BU24" s="351"/>
      <c r="BV24" s="351"/>
      <c r="BW24" s="351"/>
      <c r="BX24" s="351"/>
      <c r="BY24" s="351"/>
      <c r="BZ24" s="351"/>
    </row>
    <row r="25" spans="1:78" ht="72">
      <c r="A25" s="37" t="s">
        <v>114</v>
      </c>
      <c r="B25" s="38" t="s">
        <v>115</v>
      </c>
      <c r="C25" s="38" t="s">
        <v>292</v>
      </c>
      <c r="D25" s="93" t="s">
        <v>290</v>
      </c>
      <c r="E25" s="38" t="s">
        <v>341</v>
      </c>
      <c r="F25" s="93" t="s">
        <v>291</v>
      </c>
      <c r="G25" s="38" t="s">
        <v>289</v>
      </c>
      <c r="H25" s="93" t="s">
        <v>293</v>
      </c>
      <c r="I25" s="65" t="s">
        <v>115</v>
      </c>
      <c r="J25" s="65" t="s">
        <v>292</v>
      </c>
      <c r="K25" s="92" t="s">
        <v>290</v>
      </c>
      <c r="L25" s="65" t="s">
        <v>341</v>
      </c>
      <c r="M25" s="92" t="s">
        <v>291</v>
      </c>
      <c r="N25" s="65" t="s">
        <v>289</v>
      </c>
      <c r="O25" s="92" t="s">
        <v>293</v>
      </c>
      <c r="P25" s="38" t="s">
        <v>115</v>
      </c>
      <c r="Q25" s="38" t="s">
        <v>292</v>
      </c>
      <c r="R25" s="93" t="s">
        <v>290</v>
      </c>
      <c r="S25" s="38" t="s">
        <v>341</v>
      </c>
      <c r="T25" s="93" t="s">
        <v>291</v>
      </c>
      <c r="U25" s="38" t="s">
        <v>289</v>
      </c>
      <c r="V25" s="93" t="s">
        <v>293</v>
      </c>
      <c r="W25" s="65" t="s">
        <v>115</v>
      </c>
      <c r="X25" s="65" t="s">
        <v>292</v>
      </c>
      <c r="Y25" s="92" t="s">
        <v>290</v>
      </c>
      <c r="Z25" s="65" t="s">
        <v>341</v>
      </c>
      <c r="AA25" s="92" t="s">
        <v>291</v>
      </c>
      <c r="AB25" s="65" t="s">
        <v>289</v>
      </c>
      <c r="AC25" s="92" t="s">
        <v>293</v>
      </c>
      <c r="AD25" s="38" t="s">
        <v>115</v>
      </c>
      <c r="AE25" s="38" t="s">
        <v>292</v>
      </c>
      <c r="AF25" s="93" t="s">
        <v>290</v>
      </c>
      <c r="AG25" s="38" t="s">
        <v>341</v>
      </c>
      <c r="AH25" s="93" t="s">
        <v>291</v>
      </c>
      <c r="AI25" s="38" t="s">
        <v>289</v>
      </c>
      <c r="AJ25" s="93" t="s">
        <v>293</v>
      </c>
      <c r="AK25" s="65" t="s">
        <v>115</v>
      </c>
      <c r="AL25" s="65" t="s">
        <v>292</v>
      </c>
      <c r="AM25" s="92" t="s">
        <v>290</v>
      </c>
      <c r="AN25" s="65" t="s">
        <v>341</v>
      </c>
      <c r="AO25" s="92" t="s">
        <v>291</v>
      </c>
      <c r="AP25" s="65" t="s">
        <v>289</v>
      </c>
      <c r="AQ25" s="92" t="s">
        <v>293</v>
      </c>
      <c r="AR25" s="38" t="s">
        <v>115</v>
      </c>
      <c r="AS25" s="38" t="s">
        <v>292</v>
      </c>
      <c r="AT25" s="93" t="s">
        <v>290</v>
      </c>
      <c r="AU25" s="38" t="s">
        <v>341</v>
      </c>
      <c r="AV25" s="93" t="s">
        <v>291</v>
      </c>
      <c r="AW25" s="38" t="s">
        <v>289</v>
      </c>
      <c r="AX25" s="93" t="s">
        <v>293</v>
      </c>
      <c r="AY25" s="65" t="s">
        <v>115</v>
      </c>
      <c r="AZ25" s="65" t="s">
        <v>292</v>
      </c>
      <c r="BA25" s="92" t="s">
        <v>290</v>
      </c>
      <c r="BB25" s="65" t="s">
        <v>341</v>
      </c>
      <c r="BC25" s="92" t="s">
        <v>291</v>
      </c>
      <c r="BD25" s="65" t="s">
        <v>289</v>
      </c>
      <c r="BE25" s="92" t="s">
        <v>293</v>
      </c>
      <c r="BF25" s="38" t="s">
        <v>115</v>
      </c>
      <c r="BG25" s="38" t="s">
        <v>292</v>
      </c>
      <c r="BH25" s="93" t="s">
        <v>290</v>
      </c>
      <c r="BI25" s="38" t="s">
        <v>341</v>
      </c>
      <c r="BJ25" s="93" t="s">
        <v>291</v>
      </c>
      <c r="BK25" s="38" t="s">
        <v>289</v>
      </c>
      <c r="BL25" s="93" t="s">
        <v>293</v>
      </c>
      <c r="BM25" s="65" t="s">
        <v>115</v>
      </c>
      <c r="BN25" s="65" t="s">
        <v>292</v>
      </c>
      <c r="BO25" s="92" t="s">
        <v>290</v>
      </c>
      <c r="BP25" s="65" t="s">
        <v>341</v>
      </c>
      <c r="BQ25" s="92" t="s">
        <v>291</v>
      </c>
      <c r="BR25" s="65" t="s">
        <v>289</v>
      </c>
      <c r="BS25" s="92" t="s">
        <v>293</v>
      </c>
      <c r="BT25" s="38" t="s">
        <v>115</v>
      </c>
      <c r="BU25" s="38" t="s">
        <v>292</v>
      </c>
      <c r="BV25" s="93" t="s">
        <v>290</v>
      </c>
      <c r="BW25" s="38" t="s">
        <v>341</v>
      </c>
      <c r="BX25" s="93" t="s">
        <v>291</v>
      </c>
      <c r="BY25" s="38" t="s">
        <v>289</v>
      </c>
      <c r="BZ25" s="93" t="s">
        <v>293</v>
      </c>
    </row>
    <row r="26" spans="1:78" ht="60">
      <c r="A26" s="41"/>
      <c r="B26" s="42" t="s">
        <v>118</v>
      </c>
      <c r="C26" s="42" t="s">
        <v>303</v>
      </c>
      <c r="D26" s="95" t="s">
        <v>148</v>
      </c>
      <c r="E26" s="42" t="s">
        <v>304</v>
      </c>
      <c r="F26" s="95" t="s">
        <v>148</v>
      </c>
      <c r="G26" s="42" t="s">
        <v>305</v>
      </c>
      <c r="H26" s="95" t="s">
        <v>148</v>
      </c>
      <c r="I26" s="68" t="s">
        <v>118</v>
      </c>
      <c r="J26" s="68" t="s">
        <v>303</v>
      </c>
      <c r="K26" s="94" t="s">
        <v>148</v>
      </c>
      <c r="L26" s="68" t="s">
        <v>304</v>
      </c>
      <c r="M26" s="94" t="s">
        <v>148</v>
      </c>
      <c r="N26" s="68" t="s">
        <v>305</v>
      </c>
      <c r="O26" s="94" t="s">
        <v>148</v>
      </c>
      <c r="P26" s="42" t="s">
        <v>118</v>
      </c>
      <c r="Q26" s="42" t="s">
        <v>303</v>
      </c>
      <c r="R26" s="95" t="s">
        <v>148</v>
      </c>
      <c r="S26" s="42" t="s">
        <v>304</v>
      </c>
      <c r="T26" s="95" t="s">
        <v>148</v>
      </c>
      <c r="U26" s="42" t="s">
        <v>305</v>
      </c>
      <c r="V26" s="95" t="s">
        <v>148</v>
      </c>
      <c r="W26" s="68" t="s">
        <v>118</v>
      </c>
      <c r="X26" s="68" t="s">
        <v>303</v>
      </c>
      <c r="Y26" s="94" t="s">
        <v>148</v>
      </c>
      <c r="Z26" s="68" t="s">
        <v>304</v>
      </c>
      <c r="AA26" s="94" t="s">
        <v>148</v>
      </c>
      <c r="AB26" s="68" t="s">
        <v>305</v>
      </c>
      <c r="AC26" s="94" t="s">
        <v>148</v>
      </c>
      <c r="AD26" s="42" t="s">
        <v>118</v>
      </c>
      <c r="AE26" s="42" t="s">
        <v>303</v>
      </c>
      <c r="AF26" s="95" t="s">
        <v>148</v>
      </c>
      <c r="AG26" s="42" t="s">
        <v>304</v>
      </c>
      <c r="AH26" s="95" t="s">
        <v>148</v>
      </c>
      <c r="AI26" s="42" t="s">
        <v>305</v>
      </c>
      <c r="AJ26" s="95" t="s">
        <v>148</v>
      </c>
      <c r="AK26" s="68" t="s">
        <v>118</v>
      </c>
      <c r="AL26" s="68" t="s">
        <v>303</v>
      </c>
      <c r="AM26" s="94" t="s">
        <v>148</v>
      </c>
      <c r="AN26" s="68" t="s">
        <v>304</v>
      </c>
      <c r="AO26" s="94" t="s">
        <v>148</v>
      </c>
      <c r="AP26" s="68" t="s">
        <v>305</v>
      </c>
      <c r="AQ26" s="94" t="s">
        <v>148</v>
      </c>
      <c r="AR26" s="42" t="s">
        <v>118</v>
      </c>
      <c r="AS26" s="42" t="s">
        <v>303</v>
      </c>
      <c r="AT26" s="95" t="s">
        <v>148</v>
      </c>
      <c r="AU26" s="42" t="s">
        <v>304</v>
      </c>
      <c r="AV26" s="95" t="s">
        <v>148</v>
      </c>
      <c r="AW26" s="42" t="s">
        <v>305</v>
      </c>
      <c r="AX26" s="95" t="s">
        <v>148</v>
      </c>
      <c r="AY26" s="68" t="s">
        <v>118</v>
      </c>
      <c r="AZ26" s="68" t="s">
        <v>303</v>
      </c>
      <c r="BA26" s="94" t="s">
        <v>148</v>
      </c>
      <c r="BB26" s="68" t="s">
        <v>304</v>
      </c>
      <c r="BC26" s="94" t="s">
        <v>148</v>
      </c>
      <c r="BD26" s="68" t="s">
        <v>305</v>
      </c>
      <c r="BE26" s="94" t="s">
        <v>148</v>
      </c>
      <c r="BF26" s="42" t="s">
        <v>118</v>
      </c>
      <c r="BG26" s="42" t="s">
        <v>303</v>
      </c>
      <c r="BH26" s="95" t="s">
        <v>148</v>
      </c>
      <c r="BI26" s="42" t="s">
        <v>304</v>
      </c>
      <c r="BJ26" s="95" t="s">
        <v>148</v>
      </c>
      <c r="BK26" s="42" t="s">
        <v>305</v>
      </c>
      <c r="BL26" s="95" t="s">
        <v>148</v>
      </c>
      <c r="BM26" s="68" t="s">
        <v>118</v>
      </c>
      <c r="BN26" s="68" t="s">
        <v>303</v>
      </c>
      <c r="BO26" s="94" t="s">
        <v>148</v>
      </c>
      <c r="BP26" s="68" t="s">
        <v>304</v>
      </c>
      <c r="BQ26" s="94" t="s">
        <v>148</v>
      </c>
      <c r="BR26" s="68" t="s">
        <v>305</v>
      </c>
      <c r="BS26" s="94" t="s">
        <v>148</v>
      </c>
      <c r="BT26" s="42" t="s">
        <v>118</v>
      </c>
      <c r="BU26" s="42" t="s">
        <v>303</v>
      </c>
      <c r="BV26" s="95" t="s">
        <v>148</v>
      </c>
      <c r="BW26" s="42" t="s">
        <v>304</v>
      </c>
      <c r="BX26" s="95" t="s">
        <v>148</v>
      </c>
      <c r="BY26" s="42" t="s">
        <v>305</v>
      </c>
      <c r="BZ26" s="95" t="s">
        <v>148</v>
      </c>
    </row>
    <row r="27" spans="1:78">
      <c r="A27" s="45" t="s">
        <v>449</v>
      </c>
      <c r="B27" s="289">
        <v>9213</v>
      </c>
      <c r="C27" s="295">
        <v>0.43232807985695232</v>
      </c>
      <c r="D27" s="98">
        <v>1.0113936484638618E-2</v>
      </c>
      <c r="E27" s="295">
        <v>0.15412328371839598</v>
      </c>
      <c r="F27" s="98">
        <v>7.3743166809847509E-3</v>
      </c>
      <c r="G27" s="295">
        <v>0.41354863642465173</v>
      </c>
      <c r="H27" s="98">
        <v>1.0054173636184641E-2</v>
      </c>
      <c r="I27" s="289">
        <v>9374</v>
      </c>
      <c r="J27" s="295">
        <v>0.38568309813479384</v>
      </c>
      <c r="K27" s="98">
        <v>9.8519615374673807E-3</v>
      </c>
      <c r="L27" s="295">
        <v>0.18218326501665275</v>
      </c>
      <c r="M27" s="98">
        <v>7.8146352499400065E-3</v>
      </c>
      <c r="N27" s="295">
        <v>0.43213363684855338</v>
      </c>
      <c r="O27" s="98">
        <v>1.0026204114900961E-2</v>
      </c>
      <c r="P27" s="289">
        <v>8708</v>
      </c>
      <c r="Q27" s="295">
        <v>0.42370781579606454</v>
      </c>
      <c r="R27" s="98">
        <v>1.0376633846408823E-2</v>
      </c>
      <c r="S27" s="295">
        <v>0.1920201627586362</v>
      </c>
      <c r="T27" s="98">
        <v>8.2735645536170018E-3</v>
      </c>
      <c r="U27" s="295">
        <v>0.38427202144529926</v>
      </c>
      <c r="V27" s="98">
        <v>1.021462079545158E-2</v>
      </c>
      <c r="W27" s="289">
        <v>8521</v>
      </c>
      <c r="X27" s="295">
        <v>0.37883432124251959</v>
      </c>
      <c r="Y27" s="98">
        <v>1.0297930869652781E-2</v>
      </c>
      <c r="Z27" s="295">
        <v>0.10921307433438179</v>
      </c>
      <c r="AA27" s="98">
        <v>6.6260189939259971E-3</v>
      </c>
      <c r="AB27" s="295">
        <v>0.51195260442309865</v>
      </c>
      <c r="AC27" s="98">
        <v>1.0610964758204854E-2</v>
      </c>
      <c r="AD27" s="289">
        <v>9609</v>
      </c>
      <c r="AE27" s="295">
        <v>0.30741934343192834</v>
      </c>
      <c r="AF27" s="98">
        <v>9.2248400308344008E-3</v>
      </c>
      <c r="AG27" s="295">
        <v>0.16632251727357414</v>
      </c>
      <c r="AH27" s="98">
        <v>7.4463970505939817E-3</v>
      </c>
      <c r="AI27" s="295">
        <v>0.5262581392944975</v>
      </c>
      <c r="AJ27" s="98">
        <v>9.9815363694857571E-3</v>
      </c>
      <c r="AK27" s="289">
        <v>8691</v>
      </c>
      <c r="AL27" s="295">
        <v>0.2190908302933606</v>
      </c>
      <c r="AM27" s="98">
        <v>8.6961244529133799E-3</v>
      </c>
      <c r="AN27" s="295">
        <v>0.13640958471602321</v>
      </c>
      <c r="AO27" s="98">
        <v>7.2180795983871988E-3</v>
      </c>
      <c r="AP27" s="295">
        <v>0.6444995849906161</v>
      </c>
      <c r="AQ27" s="98">
        <v>1.0061688261391108E-2</v>
      </c>
      <c r="AR27" s="295">
        <v>0.77170027549986075</v>
      </c>
      <c r="AS27" s="98">
        <v>8.1599384927245125E-3</v>
      </c>
      <c r="AT27" s="98">
        <v>6.3541403945423687E-3</v>
      </c>
      <c r="AU27" s="295">
        <v>0.10677998669154716</v>
      </c>
      <c r="AV27" s="98">
        <v>6.0067449900481854E-3</v>
      </c>
      <c r="AW27" s="295">
        <v>0.1215197378085921</v>
      </c>
      <c r="AX27" s="98">
        <v>6.3541403945423687E-3</v>
      </c>
      <c r="AY27" s="289">
        <v>8699</v>
      </c>
      <c r="AZ27" s="295">
        <v>0.49465950465722702</v>
      </c>
      <c r="BA27" s="98">
        <v>1.0504293125167773E-2</v>
      </c>
      <c r="BB27" s="295">
        <v>0.16841915777166558</v>
      </c>
      <c r="BC27" s="98">
        <v>7.8654969432280699E-3</v>
      </c>
      <c r="BD27" s="295">
        <v>0.33692133757110737</v>
      </c>
      <c r="BE27" s="98">
        <v>9.9309802661461735E-3</v>
      </c>
      <c r="BF27" s="289">
        <v>9244</v>
      </c>
      <c r="BG27" s="295">
        <v>0.3895634173771737</v>
      </c>
      <c r="BH27" s="98">
        <v>9.93919364727067E-3</v>
      </c>
      <c r="BI27" s="295">
        <v>0.20393159075653874</v>
      </c>
      <c r="BJ27" s="98">
        <v>8.2139298372494885E-3</v>
      </c>
      <c r="BK27" s="295">
        <v>0.40650499186628752</v>
      </c>
      <c r="BL27" s="98">
        <v>1.0011068706976736E-2</v>
      </c>
      <c r="BM27" s="289">
        <v>10100</v>
      </c>
      <c r="BN27" s="295">
        <v>0.27920320322357906</v>
      </c>
      <c r="BO27" s="98">
        <v>8.748179014835487E-3</v>
      </c>
      <c r="BP27" s="295">
        <v>0.12402881788470192</v>
      </c>
      <c r="BQ27" s="98">
        <v>6.4304171253859177E-3</v>
      </c>
      <c r="BR27" s="295">
        <v>0.59676797889171906</v>
      </c>
      <c r="BS27" s="98">
        <v>9.5652506276184927E-3</v>
      </c>
      <c r="BT27" s="289">
        <v>7438</v>
      </c>
      <c r="BU27" s="295">
        <v>0.26006680474041544</v>
      </c>
      <c r="BV27" s="98">
        <v>9.9682691940586321E-3</v>
      </c>
      <c r="BW27" s="295">
        <v>0.12455751343580861</v>
      </c>
      <c r="BX27" s="98">
        <v>7.5077788324983035E-3</v>
      </c>
      <c r="BY27" s="295">
        <v>0.615375681823776</v>
      </c>
      <c r="BZ27" s="98">
        <v>1.1053832961009676E-2</v>
      </c>
    </row>
    <row r="28" spans="1:78">
      <c r="A28" s="49" t="s">
        <v>450</v>
      </c>
      <c r="B28" s="292">
        <v>2608</v>
      </c>
      <c r="C28" s="296">
        <v>0.42096777255940349</v>
      </c>
      <c r="D28" s="101">
        <v>1.8934869068905763E-2</v>
      </c>
      <c r="E28" s="296">
        <v>0.18013762970813033</v>
      </c>
      <c r="F28" s="101">
        <v>1.4753738433240675E-2</v>
      </c>
      <c r="G28" s="296">
        <v>0.39889459773246616</v>
      </c>
      <c r="H28" s="101">
        <v>1.8780286277602091E-2</v>
      </c>
      <c r="I28" s="292">
        <v>2655</v>
      </c>
      <c r="J28" s="296">
        <v>0.3711829769411335</v>
      </c>
      <c r="K28" s="101">
        <v>1.8365361462589103E-2</v>
      </c>
      <c r="L28" s="296">
        <v>0.20300336411133918</v>
      </c>
      <c r="M28" s="101">
        <v>1.5301442860307433E-2</v>
      </c>
      <c r="N28" s="296">
        <v>0.42581365894752732</v>
      </c>
      <c r="O28" s="101">
        <v>1.8795237594372842E-2</v>
      </c>
      <c r="P28" s="292">
        <v>2463</v>
      </c>
      <c r="Q28" s="296">
        <v>0.4071407144699315</v>
      </c>
      <c r="R28" s="101">
        <v>1.938852229702866E-2</v>
      </c>
      <c r="S28" s="296">
        <v>0.20686201329979162</v>
      </c>
      <c r="T28" s="101">
        <v>1.5997585253757749E-2</v>
      </c>
      <c r="U28" s="296">
        <v>0.38599727223027691</v>
      </c>
      <c r="V28" s="101">
        <v>1.9212653242791845E-2</v>
      </c>
      <c r="W28" s="292">
        <v>2515</v>
      </c>
      <c r="X28" s="296">
        <v>0.29082935618725531</v>
      </c>
      <c r="Y28" s="101">
        <v>1.7741184515171548E-2</v>
      </c>
      <c r="Z28" s="296">
        <v>0.11587936975650361</v>
      </c>
      <c r="AA28" s="101">
        <v>1.2528265718089173E-2</v>
      </c>
      <c r="AB28" s="296">
        <v>0.59329127405624105</v>
      </c>
      <c r="AC28" s="101">
        <v>1.918415020367557E-2</v>
      </c>
      <c r="AD28" s="292">
        <v>2741</v>
      </c>
      <c r="AE28" s="296">
        <v>0.27630120529681534</v>
      </c>
      <c r="AF28" s="101">
        <v>1.6734525938647785E-2</v>
      </c>
      <c r="AG28" s="296">
        <v>0.19044427613307208</v>
      </c>
      <c r="AH28" s="101">
        <v>1.4702288083639025E-2</v>
      </c>
      <c r="AI28" s="296">
        <v>0.53325451857011263</v>
      </c>
      <c r="AJ28" s="101">
        <v>1.8663583750213882E-2</v>
      </c>
      <c r="AK28" s="292">
        <v>2435</v>
      </c>
      <c r="AL28" s="296">
        <v>0.21120407195427818</v>
      </c>
      <c r="AM28" s="101">
        <v>1.6212113394664641E-2</v>
      </c>
      <c r="AN28" s="296">
        <v>0.13481383684997403</v>
      </c>
      <c r="AO28" s="101">
        <v>1.357951818584642E-2</v>
      </c>
      <c r="AP28" s="296">
        <v>0.65398209119574779</v>
      </c>
      <c r="AQ28" s="101">
        <v>1.88823891023185E-2</v>
      </c>
      <c r="AR28" s="296">
        <v>0.78963598983613359</v>
      </c>
      <c r="AS28" s="101">
        <v>1.4841691190780543E-2</v>
      </c>
      <c r="AT28" s="101">
        <v>1.1307703110583607E-2</v>
      </c>
      <c r="AU28" s="296">
        <v>0.10262270588685651</v>
      </c>
      <c r="AV28" s="101">
        <v>1.1069172295056598E-2</v>
      </c>
      <c r="AW28" s="296">
        <v>0.10774130427700994</v>
      </c>
      <c r="AX28" s="101">
        <v>1.1307703110583607E-2</v>
      </c>
      <c r="AY28" s="292">
        <v>2445</v>
      </c>
      <c r="AZ28" s="296">
        <v>0.47658999228310811</v>
      </c>
      <c r="BA28" s="101">
        <v>1.9781385485560625E-2</v>
      </c>
      <c r="BB28" s="296">
        <v>0.19872592495342836</v>
      </c>
      <c r="BC28" s="101">
        <v>1.581914910099181E-2</v>
      </c>
      <c r="BD28" s="296">
        <v>0.3246840827634635</v>
      </c>
      <c r="BE28" s="101">
        <v>1.8550046392276177E-2</v>
      </c>
      <c r="BF28" s="292">
        <v>2613</v>
      </c>
      <c r="BG28" s="296">
        <v>0.36395767088423303</v>
      </c>
      <c r="BH28" s="101">
        <v>1.843638129719366E-2</v>
      </c>
      <c r="BI28" s="296">
        <v>0.20552710013682554</v>
      </c>
      <c r="BJ28" s="101">
        <v>1.5494596310953235E-2</v>
      </c>
      <c r="BK28" s="296">
        <v>0.43051522897894146</v>
      </c>
      <c r="BL28" s="101">
        <v>1.8971540122307978E-2</v>
      </c>
      <c r="BM28" s="292">
        <v>2871</v>
      </c>
      <c r="BN28" s="296">
        <v>0.27925925019709602</v>
      </c>
      <c r="BO28" s="101">
        <v>1.6405013733410863E-2</v>
      </c>
      <c r="BP28" s="296">
        <v>0.13161020495704293</v>
      </c>
      <c r="BQ28" s="101">
        <v>1.2378131649991282E-2</v>
      </c>
      <c r="BR28" s="296">
        <v>0.58913054484586114</v>
      </c>
      <c r="BS28" s="101">
        <v>1.7985174726777669E-2</v>
      </c>
      <c r="BT28" s="292">
        <v>2118</v>
      </c>
      <c r="BU28" s="296">
        <v>0.21829910175316597</v>
      </c>
      <c r="BV28" s="101">
        <v>1.7591775329462843E-2</v>
      </c>
      <c r="BW28" s="296">
        <v>0.13590343803325164</v>
      </c>
      <c r="BX28" s="101">
        <v>1.4611710433662177E-2</v>
      </c>
      <c r="BY28" s="296">
        <v>0.64579746021358242</v>
      </c>
      <c r="BZ28" s="101">
        <v>2.0353231622100027E-2</v>
      </c>
    </row>
    <row r="29" spans="1:78">
      <c r="A29" s="53" t="s">
        <v>451</v>
      </c>
      <c r="B29" s="54">
        <v>191</v>
      </c>
      <c r="C29" s="190">
        <v>0.39399287781118664</v>
      </c>
      <c r="D29" s="98">
        <v>6.8649346628078214E-2</v>
      </c>
      <c r="E29" s="190">
        <v>0.19320478558447662</v>
      </c>
      <c r="F29" s="98">
        <v>5.609049418500122E-2</v>
      </c>
      <c r="G29" s="190">
        <v>0.41280233660433674</v>
      </c>
      <c r="H29" s="98">
        <v>6.9147805099719975E-2</v>
      </c>
      <c r="I29" s="54">
        <v>205</v>
      </c>
      <c r="J29" s="190">
        <v>0.30909675271504589</v>
      </c>
      <c r="K29" s="98">
        <v>6.2854896321246551E-2</v>
      </c>
      <c r="L29" s="190">
        <v>0.23608278743998098</v>
      </c>
      <c r="M29" s="98">
        <v>5.7995540396652265E-2</v>
      </c>
      <c r="N29" s="190">
        <v>0.45482045984497321</v>
      </c>
      <c r="O29" s="98">
        <v>6.7521247400050555E-2</v>
      </c>
      <c r="P29" s="54">
        <v>182</v>
      </c>
      <c r="Q29" s="190">
        <v>0.3674217561165467</v>
      </c>
      <c r="R29" s="98">
        <v>6.939637017280896E-2</v>
      </c>
      <c r="S29" s="190">
        <v>0.1967763063158583</v>
      </c>
      <c r="T29" s="98">
        <v>5.7838031858053078E-2</v>
      </c>
      <c r="U29" s="190">
        <v>0.435801937567595</v>
      </c>
      <c r="V29" s="98">
        <v>7.1287729835190369E-2</v>
      </c>
      <c r="W29" s="54">
        <v>171</v>
      </c>
      <c r="X29" s="190">
        <v>0.42820237759269397</v>
      </c>
      <c r="Y29" s="98">
        <v>7.3348166913863339E-2</v>
      </c>
      <c r="Z29" s="190">
        <v>0.13086941376165384</v>
      </c>
      <c r="AA29" s="98">
        <v>5.1303529004701538E-2</v>
      </c>
      <c r="AB29" s="190">
        <v>0.44092820864565208</v>
      </c>
      <c r="AC29" s="98">
        <v>7.3585737412303662E-2</v>
      </c>
      <c r="AD29" s="54">
        <v>213</v>
      </c>
      <c r="AE29" s="190">
        <v>0.19645327097332621</v>
      </c>
      <c r="AF29" s="98">
        <v>5.3424731679150184E-2</v>
      </c>
      <c r="AG29" s="190">
        <v>0.13502396819575846</v>
      </c>
      <c r="AH29" s="98">
        <v>4.6408415180253314E-2</v>
      </c>
      <c r="AI29" s="190">
        <v>0.66852276083091533</v>
      </c>
      <c r="AJ29" s="98">
        <v>6.2780575927404977E-2</v>
      </c>
      <c r="AK29" s="54">
        <v>184</v>
      </c>
      <c r="AL29" s="190">
        <v>0.20670132095382521</v>
      </c>
      <c r="AM29" s="98">
        <v>5.8520896477442491E-2</v>
      </c>
      <c r="AN29" s="190">
        <v>0.11362044838464123</v>
      </c>
      <c r="AO29" s="98">
        <v>4.6758535181394341E-2</v>
      </c>
      <c r="AP29" s="190">
        <v>0.67967823066153354</v>
      </c>
      <c r="AQ29" s="98">
        <v>6.6907295408486736E-2</v>
      </c>
      <c r="AR29" s="190">
        <v>0.83189834379498451</v>
      </c>
      <c r="AS29" s="98">
        <v>4.8656972270558985E-2</v>
      </c>
      <c r="AT29" s="98">
        <v>3.4388658181635182E-2</v>
      </c>
      <c r="AU29" s="190">
        <v>9.7702297058490026E-2</v>
      </c>
      <c r="AV29" s="98">
        <v>3.9297818279153379E-2</v>
      </c>
      <c r="AW29" s="190">
        <v>7.0399359146525411E-2</v>
      </c>
      <c r="AX29" s="98">
        <v>3.4388658181635182E-2</v>
      </c>
      <c r="AY29" s="54">
        <v>174</v>
      </c>
      <c r="AZ29" s="190">
        <v>0.39912198388725062</v>
      </c>
      <c r="BA29" s="98">
        <v>7.2011379924515423E-2</v>
      </c>
      <c r="BB29" s="190">
        <v>0.29378488570223438</v>
      </c>
      <c r="BC29" s="98">
        <v>6.7219950322835217E-2</v>
      </c>
      <c r="BD29" s="190">
        <v>0.307093130410515</v>
      </c>
      <c r="BE29" s="98">
        <v>6.8029867057579754E-2</v>
      </c>
      <c r="BF29" s="54">
        <v>204</v>
      </c>
      <c r="BG29" s="190">
        <v>0.31965773673237441</v>
      </c>
      <c r="BH29" s="98">
        <v>6.3557121841543995E-2</v>
      </c>
      <c r="BI29" s="190">
        <v>0.15318564188088504</v>
      </c>
      <c r="BJ29" s="98">
        <v>4.9804066401225991E-2</v>
      </c>
      <c r="BK29" s="190">
        <v>0.52715662138674058</v>
      </c>
      <c r="BL29" s="98">
        <v>6.7854298333608787E-2</v>
      </c>
      <c r="BM29" s="54">
        <v>220</v>
      </c>
      <c r="BN29" s="190">
        <v>0.25614271129732241</v>
      </c>
      <c r="BO29" s="98">
        <v>5.7478253099941583E-2</v>
      </c>
      <c r="BP29" s="190">
        <v>0.1518776758370638</v>
      </c>
      <c r="BQ29" s="98">
        <v>4.7777312984512627E-2</v>
      </c>
      <c r="BR29" s="190">
        <v>0.59197961286561385</v>
      </c>
      <c r="BS29" s="98">
        <v>6.4401415839637682E-2</v>
      </c>
      <c r="BT29" s="54">
        <v>148</v>
      </c>
      <c r="BU29" s="190">
        <v>0.22190249873317336</v>
      </c>
      <c r="BV29" s="98">
        <v>6.6823053736384544E-2</v>
      </c>
      <c r="BW29" s="190">
        <v>0.13762963218232391</v>
      </c>
      <c r="BX29" s="98">
        <v>5.6320940745276965E-2</v>
      </c>
      <c r="BY29" s="190">
        <v>0.64046786908450271</v>
      </c>
      <c r="BZ29" s="98">
        <v>7.6456794187132929E-2</v>
      </c>
    </row>
    <row r="30" spans="1:78">
      <c r="A30" s="49" t="s">
        <v>452</v>
      </c>
      <c r="B30" s="292">
        <v>127</v>
      </c>
      <c r="C30" s="296">
        <v>0.38669874747441607</v>
      </c>
      <c r="D30" s="101">
        <v>8.3531333183904183E-2</v>
      </c>
      <c r="E30" s="296">
        <v>0.12458181795601989</v>
      </c>
      <c r="F30" s="101">
        <v>5.8709344971822092E-2</v>
      </c>
      <c r="G30" s="296">
        <v>0.48871943456956402</v>
      </c>
      <c r="H30" s="101">
        <v>8.5602514298221799E-2</v>
      </c>
      <c r="I30" s="292">
        <v>125</v>
      </c>
      <c r="J30" s="296">
        <v>0.27616338121186496</v>
      </c>
      <c r="K30" s="101">
        <v>7.7743183675504798E-2</v>
      </c>
      <c r="L30" s="296">
        <v>0.22469793901590773</v>
      </c>
      <c r="M30" s="101">
        <v>7.2977478418414579E-2</v>
      </c>
      <c r="N30" s="296">
        <v>0.49913867977222731</v>
      </c>
      <c r="O30" s="101">
        <v>8.6284068612452039E-2</v>
      </c>
      <c r="P30" s="292">
        <v>113</v>
      </c>
      <c r="Q30" s="296">
        <v>0.49475342911359432</v>
      </c>
      <c r="R30" s="101">
        <v>9.0596379291252818E-2</v>
      </c>
      <c r="S30" s="296">
        <v>0.16780793497485205</v>
      </c>
      <c r="T30" s="101">
        <v>6.9489244978705594E-2</v>
      </c>
      <c r="U30" s="296">
        <v>0.33743863591155365</v>
      </c>
      <c r="V30" s="101">
        <v>8.6018479706613804E-2</v>
      </c>
      <c r="W30" s="292">
        <v>120</v>
      </c>
      <c r="X30" s="296">
        <v>0.2196384293233527</v>
      </c>
      <c r="Y30" s="101">
        <v>7.3922762367862591E-2</v>
      </c>
      <c r="Z30" s="296">
        <v>7.1881853748474431E-2</v>
      </c>
      <c r="AA30" s="101">
        <v>4.9267655482340501E-2</v>
      </c>
      <c r="AB30" s="296">
        <v>0.70847971692817291</v>
      </c>
      <c r="AC30" s="101">
        <v>8.0523891427454947E-2</v>
      </c>
      <c r="AD30" s="292">
        <v>126</v>
      </c>
      <c r="AE30" s="296">
        <v>0.29791811942224267</v>
      </c>
      <c r="AF30" s="101">
        <v>7.9082520776083881E-2</v>
      </c>
      <c r="AG30" s="296">
        <v>0.19681884529388222</v>
      </c>
      <c r="AH30" s="101">
        <v>6.9541385145144879E-2</v>
      </c>
      <c r="AI30" s="296">
        <v>0.50526303528387517</v>
      </c>
      <c r="AJ30" s="101">
        <v>8.5947212647499771E-2</v>
      </c>
      <c r="AK30" s="292">
        <v>114</v>
      </c>
      <c r="AL30" s="296">
        <v>0.19172922723998548</v>
      </c>
      <c r="AM30" s="101">
        <v>7.2466266836464427E-2</v>
      </c>
      <c r="AN30" s="296">
        <v>0.10941523514587524</v>
      </c>
      <c r="AO30" s="101">
        <v>5.9189340755248863E-2</v>
      </c>
      <c r="AP30" s="296">
        <v>0.69885553761413932</v>
      </c>
      <c r="AQ30" s="101">
        <v>8.3291098980428163E-2</v>
      </c>
      <c r="AR30" s="296">
        <v>0.79964746531662168</v>
      </c>
      <c r="AS30" s="101">
        <v>6.8098043622310228E-2</v>
      </c>
      <c r="AT30" s="101">
        <v>6.0295522872363241E-2</v>
      </c>
      <c r="AU30" s="296">
        <v>5.7698368348099868E-2</v>
      </c>
      <c r="AV30" s="101">
        <v>4.2897737080009289E-2</v>
      </c>
      <c r="AW30" s="296">
        <v>0.14265416633527842</v>
      </c>
      <c r="AX30" s="101">
        <v>6.0295522872363241E-2</v>
      </c>
      <c r="AY30" s="292">
        <v>114</v>
      </c>
      <c r="AZ30" s="296">
        <v>0.50857174562252183</v>
      </c>
      <c r="BA30" s="101">
        <v>9.0203938013276655E-2</v>
      </c>
      <c r="BB30" s="296">
        <v>0.14068895658289188</v>
      </c>
      <c r="BC30" s="101">
        <v>6.4930695973282826E-2</v>
      </c>
      <c r="BD30" s="296">
        <v>0.35073929779458635</v>
      </c>
      <c r="BE30" s="101">
        <v>8.6382968022360743E-2</v>
      </c>
      <c r="BF30" s="292">
        <v>125</v>
      </c>
      <c r="BG30" s="296">
        <v>0.37014505651879615</v>
      </c>
      <c r="BH30" s="101">
        <v>8.3507263568691634E-2</v>
      </c>
      <c r="BI30" s="296">
        <v>0.15925771123021623</v>
      </c>
      <c r="BJ30" s="101">
        <v>6.4795551234264046E-2</v>
      </c>
      <c r="BK30" s="296">
        <v>0.47059723225098765</v>
      </c>
      <c r="BL30" s="101">
        <v>8.6143994243479058E-2</v>
      </c>
      <c r="BM30" s="292">
        <v>143</v>
      </c>
      <c r="BN30" s="296">
        <v>0.14158582715515194</v>
      </c>
      <c r="BO30" s="101">
        <v>5.7934795376627907E-2</v>
      </c>
      <c r="BP30" s="296">
        <v>9.8053145385944909E-2</v>
      </c>
      <c r="BQ30" s="101">
        <v>5.0377063603882E-2</v>
      </c>
      <c r="BR30" s="296">
        <v>0.7603610274589031</v>
      </c>
      <c r="BS30" s="101">
        <v>6.9691521622924246E-2</v>
      </c>
      <c r="BT30" s="292">
        <v>107</v>
      </c>
      <c r="BU30" s="296">
        <v>0.16537779317830872</v>
      </c>
      <c r="BV30" s="101">
        <v>7.1072328042073307E-2</v>
      </c>
      <c r="BW30" s="296">
        <v>0.1334063505815905</v>
      </c>
      <c r="BX30" s="101">
        <v>6.5804964212665087E-2</v>
      </c>
      <c r="BY30" s="296">
        <v>0.70121585624010063</v>
      </c>
      <c r="BZ30" s="101">
        <v>8.573318937578886E-2</v>
      </c>
    </row>
    <row r="31" spans="1:78">
      <c r="A31" s="57" t="s">
        <v>453</v>
      </c>
      <c r="B31" s="289">
        <v>267</v>
      </c>
      <c r="C31" s="295">
        <v>0.39381358575237568</v>
      </c>
      <c r="D31" s="98">
        <v>5.8213029658052765E-2</v>
      </c>
      <c r="E31" s="295">
        <v>0.18076627468717163</v>
      </c>
      <c r="F31" s="98">
        <v>4.627742960422046E-2</v>
      </c>
      <c r="G31" s="295">
        <v>0.42542013956045271</v>
      </c>
      <c r="H31" s="98">
        <v>5.8884418186749811E-2</v>
      </c>
      <c r="I31" s="289">
        <v>273</v>
      </c>
      <c r="J31" s="295">
        <v>0.34326283243242062</v>
      </c>
      <c r="K31" s="98">
        <v>5.6001905847669536E-2</v>
      </c>
      <c r="L31" s="295">
        <v>0.23445433852478581</v>
      </c>
      <c r="M31" s="98">
        <v>5.0172212827740981E-2</v>
      </c>
      <c r="N31" s="295">
        <v>0.42228282904279357</v>
      </c>
      <c r="O31" s="98">
        <v>5.818749050290533E-2</v>
      </c>
      <c r="P31" s="289">
        <v>250</v>
      </c>
      <c r="Q31" s="295">
        <v>0.35886647648325642</v>
      </c>
      <c r="R31" s="98">
        <v>5.9069941193794613E-2</v>
      </c>
      <c r="S31" s="295">
        <v>0.24535013219946145</v>
      </c>
      <c r="T31" s="98">
        <v>5.3206987727977627E-2</v>
      </c>
      <c r="U31" s="295">
        <v>0.39578339131728207</v>
      </c>
      <c r="V31" s="98">
        <v>6.018278544966401E-2</v>
      </c>
      <c r="W31" s="289">
        <v>247</v>
      </c>
      <c r="X31" s="295">
        <v>0.50898563245959094</v>
      </c>
      <c r="Y31" s="98">
        <v>6.1847377707328358E-2</v>
      </c>
      <c r="Z31" s="295">
        <v>0.23440546813881333</v>
      </c>
      <c r="AA31" s="98">
        <v>5.2733262480309136E-2</v>
      </c>
      <c r="AB31" s="295">
        <v>0.2566088994015957</v>
      </c>
      <c r="AC31" s="98">
        <v>5.4298207244660064E-2</v>
      </c>
      <c r="AD31" s="289">
        <v>287</v>
      </c>
      <c r="AE31" s="295">
        <v>0.31808953151347691</v>
      </c>
      <c r="AF31" s="98">
        <v>5.3622929548291801E-2</v>
      </c>
      <c r="AG31" s="295">
        <v>0.22412152950244371</v>
      </c>
      <c r="AH31" s="98">
        <v>4.8197853578790965E-2</v>
      </c>
      <c r="AI31" s="295">
        <v>0.45778893898407935</v>
      </c>
      <c r="AJ31" s="98">
        <v>5.7249139607161117E-2</v>
      </c>
      <c r="AK31" s="289">
        <v>251</v>
      </c>
      <c r="AL31" s="295">
        <v>0.23729845135120961</v>
      </c>
      <c r="AM31" s="98">
        <v>5.2525820391050096E-2</v>
      </c>
      <c r="AN31" s="295">
        <v>0.22030825663527059</v>
      </c>
      <c r="AO31" s="98">
        <v>5.1229412394547952E-2</v>
      </c>
      <c r="AP31" s="295">
        <v>0.54239329201351971</v>
      </c>
      <c r="AQ31" s="98">
        <v>6.1155886008397789E-2</v>
      </c>
      <c r="AR31" s="295">
        <v>0.69925737277829647</v>
      </c>
      <c r="AS31" s="98">
        <v>5.1849523456933971E-2</v>
      </c>
      <c r="AT31" s="98">
        <v>3.8879661921062715E-2</v>
      </c>
      <c r="AU31" s="295">
        <v>0.1677727840043598</v>
      </c>
      <c r="AV31" s="98">
        <v>4.2579941568414076E-2</v>
      </c>
      <c r="AW31" s="295">
        <v>0.1329698432173437</v>
      </c>
      <c r="AX31" s="98">
        <v>3.8879661921062715E-2</v>
      </c>
      <c r="AY31" s="289">
        <v>261</v>
      </c>
      <c r="AZ31" s="295">
        <v>0.43843599382037046</v>
      </c>
      <c r="BA31" s="98">
        <v>5.975661589750593E-2</v>
      </c>
      <c r="BB31" s="295">
        <v>0.21576115830201284</v>
      </c>
      <c r="BC31" s="98">
        <v>4.9880213561806309E-2</v>
      </c>
      <c r="BD31" s="295">
        <v>0.34580284787761673</v>
      </c>
      <c r="BE31" s="98">
        <v>5.7356739977013307E-2</v>
      </c>
      <c r="BF31" s="289">
        <v>279</v>
      </c>
      <c r="BG31" s="295">
        <v>0.26297083449174513</v>
      </c>
      <c r="BH31" s="98">
        <v>5.1501353243203027E-2</v>
      </c>
      <c r="BI31" s="295">
        <v>0.26611232333342694</v>
      </c>
      <c r="BJ31" s="98">
        <v>5.1690498555007694E-2</v>
      </c>
      <c r="BK31" s="295">
        <v>0.47091684217482788</v>
      </c>
      <c r="BL31" s="98">
        <v>5.8159092888159764E-2</v>
      </c>
      <c r="BM31" s="289">
        <v>290</v>
      </c>
      <c r="BN31" s="295">
        <v>0.218647242017104</v>
      </c>
      <c r="BO31" s="98">
        <v>4.7542313747932219E-2</v>
      </c>
      <c r="BP31" s="295">
        <v>0.12342802819662045</v>
      </c>
      <c r="BQ31" s="98">
        <v>3.8259719437366217E-2</v>
      </c>
      <c r="BR31" s="295">
        <v>0.65792472978627559</v>
      </c>
      <c r="BS31" s="98">
        <v>5.431011352903415E-2</v>
      </c>
      <c r="BT31" s="289">
        <v>198</v>
      </c>
      <c r="BU31" s="295">
        <v>0.20808632457104659</v>
      </c>
      <c r="BV31" s="98">
        <v>5.6545771815929409E-2</v>
      </c>
      <c r="BW31" s="295">
        <v>0.16130440876203683</v>
      </c>
      <c r="BX31" s="98">
        <v>5.1559452531353522E-2</v>
      </c>
      <c r="BY31" s="295">
        <v>0.63060926666691663</v>
      </c>
      <c r="BZ31" s="98">
        <v>6.6654000153461249E-2</v>
      </c>
    </row>
    <row r="32" spans="1:78">
      <c r="A32" s="49" t="s">
        <v>454</v>
      </c>
      <c r="B32" s="292">
        <v>536</v>
      </c>
      <c r="C32" s="296">
        <v>0.42186172140004208</v>
      </c>
      <c r="D32" s="101">
        <v>4.1662021101601152E-2</v>
      </c>
      <c r="E32" s="296">
        <v>0.2010929191173717</v>
      </c>
      <c r="F32" s="101">
        <v>3.3945397169847867E-2</v>
      </c>
      <c r="G32" s="296">
        <v>0.37704535948258616</v>
      </c>
      <c r="H32" s="101">
        <v>4.0896900655807727E-2</v>
      </c>
      <c r="I32" s="292">
        <v>535</v>
      </c>
      <c r="J32" s="296">
        <v>0.38796037183718901</v>
      </c>
      <c r="K32" s="101">
        <v>4.1154263148497017E-2</v>
      </c>
      <c r="L32" s="296">
        <v>0.22164882253942522</v>
      </c>
      <c r="M32" s="101">
        <v>3.5181916906776439E-2</v>
      </c>
      <c r="N32" s="296">
        <v>0.39039080562338579</v>
      </c>
      <c r="O32" s="101">
        <v>4.1200195165677363E-2</v>
      </c>
      <c r="P32" s="292">
        <v>498</v>
      </c>
      <c r="Q32" s="296">
        <v>0.38927982101048736</v>
      </c>
      <c r="R32" s="101">
        <v>4.2671110872774524E-2</v>
      </c>
      <c r="S32" s="296">
        <v>0.24869082267603812</v>
      </c>
      <c r="T32" s="101">
        <v>3.7914503783309371E-2</v>
      </c>
      <c r="U32" s="296">
        <v>0.36202935631347455</v>
      </c>
      <c r="V32" s="101">
        <v>4.2068821450973404E-2</v>
      </c>
      <c r="W32" s="292">
        <v>551</v>
      </c>
      <c r="X32" s="296">
        <v>0.2026493078902416</v>
      </c>
      <c r="Y32" s="101">
        <v>3.3574282450139853E-2</v>
      </c>
      <c r="Z32" s="296">
        <v>8.5955341845769861E-2</v>
      </c>
      <c r="AA32" s="101">
        <v>2.3682656439192269E-2</v>
      </c>
      <c r="AB32" s="296">
        <v>0.71139535026398848</v>
      </c>
      <c r="AC32" s="101">
        <v>3.7756742872414956E-2</v>
      </c>
      <c r="AD32" s="292">
        <v>546</v>
      </c>
      <c r="AE32" s="296">
        <v>0.32998860793837603</v>
      </c>
      <c r="AF32" s="101">
        <v>3.9334742731748314E-2</v>
      </c>
      <c r="AG32" s="296">
        <v>0.17738307432113765</v>
      </c>
      <c r="AH32" s="101">
        <v>3.2089492019855559E-2</v>
      </c>
      <c r="AI32" s="296">
        <v>0.49262831774048632</v>
      </c>
      <c r="AJ32" s="101">
        <v>4.1782864395078313E-2</v>
      </c>
      <c r="AK32" s="292">
        <v>490</v>
      </c>
      <c r="AL32" s="296">
        <v>0.2174041582368699</v>
      </c>
      <c r="AM32" s="101">
        <v>3.6511781214166941E-2</v>
      </c>
      <c r="AN32" s="296">
        <v>0.16109950833643211</v>
      </c>
      <c r="AO32" s="101">
        <v>3.2640074513660848E-2</v>
      </c>
      <c r="AP32" s="296">
        <v>0.62149633342669797</v>
      </c>
      <c r="AQ32" s="101">
        <v>4.2792394538512572E-2</v>
      </c>
      <c r="AR32" s="296">
        <v>0.79659353558857349</v>
      </c>
      <c r="AS32" s="101">
        <v>3.2711921627492396E-2</v>
      </c>
      <c r="AT32" s="101">
        <v>2.4537943114607753E-2</v>
      </c>
      <c r="AU32" s="296">
        <v>0.10382509435560686</v>
      </c>
      <c r="AV32" s="101">
        <v>2.4979403600923065E-2</v>
      </c>
      <c r="AW32" s="296">
        <v>9.9581370055819615E-2</v>
      </c>
      <c r="AX32" s="101">
        <v>2.4537943114607753E-2</v>
      </c>
      <c r="AY32" s="292">
        <v>505</v>
      </c>
      <c r="AZ32" s="296">
        <v>0.45666880312858704</v>
      </c>
      <c r="BA32" s="101">
        <v>4.3276875349964349E-2</v>
      </c>
      <c r="BB32" s="296">
        <v>0.18532214490091242</v>
      </c>
      <c r="BC32" s="101">
        <v>3.3929079027590313E-2</v>
      </c>
      <c r="BD32" s="296">
        <v>0.35800905197050054</v>
      </c>
      <c r="BE32" s="101">
        <v>4.1677977592989371E-2</v>
      </c>
      <c r="BF32" s="292">
        <v>504</v>
      </c>
      <c r="BG32" s="296">
        <v>0.40284261101126007</v>
      </c>
      <c r="BH32" s="101">
        <v>4.2664822030266093E-2</v>
      </c>
      <c r="BI32" s="296">
        <v>0.22427025559543606</v>
      </c>
      <c r="BJ32" s="101">
        <v>3.6395585502798707E-2</v>
      </c>
      <c r="BK32" s="296">
        <v>0.37288713339330376</v>
      </c>
      <c r="BL32" s="101">
        <v>4.2074697034404453E-2</v>
      </c>
      <c r="BM32" s="292">
        <v>580</v>
      </c>
      <c r="BN32" s="296">
        <v>0.34099773132474009</v>
      </c>
      <c r="BO32" s="101">
        <v>3.8477079650553525E-2</v>
      </c>
      <c r="BP32" s="296">
        <v>0.11873838930986731</v>
      </c>
      <c r="BQ32" s="101">
        <v>2.6483607354043599E-2</v>
      </c>
      <c r="BR32" s="296">
        <v>0.54026387936539266</v>
      </c>
      <c r="BS32" s="101">
        <v>4.0422789094428584E-2</v>
      </c>
      <c r="BT32" s="292">
        <v>452</v>
      </c>
      <c r="BU32" s="296">
        <v>0.21575954172403825</v>
      </c>
      <c r="BV32" s="101">
        <v>3.7912880846087654E-2</v>
      </c>
      <c r="BW32" s="296">
        <v>0.15266987483175209</v>
      </c>
      <c r="BX32" s="101">
        <v>3.3280149302892845E-2</v>
      </c>
      <c r="BY32" s="296">
        <v>0.63157058344420958</v>
      </c>
      <c r="BZ32" s="101">
        <v>4.4304081118086723E-2</v>
      </c>
    </row>
    <row r="33" spans="1:78">
      <c r="A33" s="57" t="s">
        <v>455</v>
      </c>
      <c r="B33" s="289">
        <v>181</v>
      </c>
      <c r="C33" s="295">
        <v>0.31139275906772795</v>
      </c>
      <c r="D33" s="98">
        <v>6.6964674587324274E-2</v>
      </c>
      <c r="E33" s="295">
        <v>9.4200686266940378E-2</v>
      </c>
      <c r="F33" s="98">
        <v>4.379634503109129E-2</v>
      </c>
      <c r="G33" s="295">
        <v>0.59440655466533165</v>
      </c>
      <c r="H33" s="98">
        <v>7.0810975956274336E-2</v>
      </c>
      <c r="I33" s="289">
        <v>177</v>
      </c>
      <c r="J33" s="295">
        <v>0.32324844842938699</v>
      </c>
      <c r="K33" s="98">
        <v>6.8351953258501602E-2</v>
      </c>
      <c r="L33" s="295">
        <v>0.21047114376158166</v>
      </c>
      <c r="M33" s="98">
        <v>6.0038957686966057E-2</v>
      </c>
      <c r="N33" s="295">
        <v>0.46628040780903135</v>
      </c>
      <c r="O33" s="98">
        <v>7.2684248024296821E-2</v>
      </c>
      <c r="P33" s="289">
        <v>163</v>
      </c>
      <c r="Q33" s="295">
        <v>0.3210715154209971</v>
      </c>
      <c r="R33" s="98">
        <v>7.105833075529927E-2</v>
      </c>
      <c r="S33" s="295">
        <v>0.17714196373027574</v>
      </c>
      <c r="T33" s="98">
        <v>5.8877467031802029E-2</v>
      </c>
      <c r="U33" s="295">
        <v>0.50178652084872721</v>
      </c>
      <c r="V33" s="98">
        <v>7.5834215622006193E-2</v>
      </c>
      <c r="W33" s="289">
        <v>180</v>
      </c>
      <c r="X33" s="295">
        <v>0.12092595791465945</v>
      </c>
      <c r="Y33" s="98">
        <v>4.8460730107865585E-2</v>
      </c>
      <c r="Z33" s="295">
        <v>6.95223379906421E-2</v>
      </c>
      <c r="AA33" s="98">
        <v>3.8948442579778475E-2</v>
      </c>
      <c r="AB33" s="295">
        <v>0.80955170409469845</v>
      </c>
      <c r="AC33" s="98">
        <v>5.7489132568182742E-2</v>
      </c>
      <c r="AD33" s="289">
        <v>174</v>
      </c>
      <c r="AE33" s="295">
        <v>0.32695684161348221</v>
      </c>
      <c r="AF33" s="98">
        <v>6.9122887476587153E-2</v>
      </c>
      <c r="AG33" s="295">
        <v>0.21500939733747729</v>
      </c>
      <c r="AH33" s="98">
        <v>6.099604554730427E-2</v>
      </c>
      <c r="AI33" s="295">
        <v>0.45803376104904048</v>
      </c>
      <c r="AJ33" s="98">
        <v>7.3206456060665573E-2</v>
      </c>
      <c r="AK33" s="289">
        <v>164</v>
      </c>
      <c r="AL33" s="295">
        <v>0.25703433492628852</v>
      </c>
      <c r="AM33" s="98">
        <v>6.6560564962654251E-2</v>
      </c>
      <c r="AN33" s="295">
        <v>0.20471515941887103</v>
      </c>
      <c r="AO33" s="98">
        <v>6.1779152003320625E-2</v>
      </c>
      <c r="AP33" s="295">
        <v>0.53825050565484045</v>
      </c>
      <c r="AQ33" s="98">
        <v>7.5397510622789737E-2</v>
      </c>
      <c r="AR33" s="295">
        <v>0.63770865519716002</v>
      </c>
      <c r="AS33" s="98">
        <v>6.9574879536343295E-2</v>
      </c>
      <c r="AT33" s="98">
        <v>5.9039129162598007E-2</v>
      </c>
      <c r="AU33" s="295">
        <v>0.15687998645323845</v>
      </c>
      <c r="AV33" s="98">
        <v>5.3546695100598708E-2</v>
      </c>
      <c r="AW33" s="295">
        <v>0.20541135834960147</v>
      </c>
      <c r="AX33" s="98">
        <v>5.9039129162598007E-2</v>
      </c>
      <c r="AY33" s="289">
        <v>180</v>
      </c>
      <c r="AZ33" s="295">
        <v>0.23857563761988076</v>
      </c>
      <c r="BA33" s="98">
        <v>6.2081014361404077E-2</v>
      </c>
      <c r="BB33" s="295">
        <v>0.13291545049312425</v>
      </c>
      <c r="BC33" s="98">
        <v>5.0271145542509707E-2</v>
      </c>
      <c r="BD33" s="295">
        <v>0.62850891188699498</v>
      </c>
      <c r="BE33" s="98">
        <v>6.9925663882461936E-2</v>
      </c>
      <c r="BF33" s="289">
        <v>166</v>
      </c>
      <c r="BG33" s="295">
        <v>0.42320992157781562</v>
      </c>
      <c r="BH33" s="98">
        <v>7.4312561252593015E-2</v>
      </c>
      <c r="BI33" s="295">
        <v>6.3602633087540356E-2</v>
      </c>
      <c r="BJ33" s="98">
        <v>3.931912258410207E-2</v>
      </c>
      <c r="BK33" s="295">
        <v>0.513187445334644</v>
      </c>
      <c r="BL33" s="98">
        <v>7.513763769905267E-2</v>
      </c>
      <c r="BM33" s="289">
        <v>177</v>
      </c>
      <c r="BN33" s="295">
        <v>0.29165159282298975</v>
      </c>
      <c r="BO33" s="98">
        <v>6.6520836883023626E-2</v>
      </c>
      <c r="BP33" s="295">
        <v>0.19014446167805663</v>
      </c>
      <c r="BQ33" s="98">
        <v>5.7943015880024117E-2</v>
      </c>
      <c r="BR33" s="295">
        <v>0.51820394549895366</v>
      </c>
      <c r="BS33" s="98">
        <v>7.2796644100833127E-2</v>
      </c>
      <c r="BT33" s="289">
        <v>170</v>
      </c>
      <c r="BU33" s="295">
        <v>0.16607965961159035</v>
      </c>
      <c r="BV33" s="98">
        <v>5.6299624870852355E-2</v>
      </c>
      <c r="BW33" s="295">
        <v>0.11636309982689019</v>
      </c>
      <c r="BX33" s="98">
        <v>4.9171306647283634E-2</v>
      </c>
      <c r="BY33" s="295">
        <v>0.71755724056151948</v>
      </c>
      <c r="BZ33" s="98">
        <v>6.7246177982572375E-2</v>
      </c>
    </row>
    <row r="34" spans="1:78">
      <c r="A34" s="49" t="s">
        <v>456</v>
      </c>
      <c r="B34" s="292">
        <v>507</v>
      </c>
      <c r="C34" s="296">
        <v>0.37824020973683276</v>
      </c>
      <c r="D34" s="101">
        <v>4.2068221402563166E-2</v>
      </c>
      <c r="E34" s="296">
        <v>0.21543340162845231</v>
      </c>
      <c r="F34" s="101">
        <v>3.5779426113026688E-2</v>
      </c>
      <c r="G34" s="296">
        <v>0.40632638863471493</v>
      </c>
      <c r="H34" s="101">
        <v>4.2597111501976433E-2</v>
      </c>
      <c r="I34" s="292">
        <v>517</v>
      </c>
      <c r="J34" s="296">
        <v>0.36739106404021138</v>
      </c>
      <c r="K34" s="101">
        <v>4.1420976641171163E-2</v>
      </c>
      <c r="L34" s="296">
        <v>0.18302211037443883</v>
      </c>
      <c r="M34" s="101">
        <v>3.337449299406909E-2</v>
      </c>
      <c r="N34" s="296">
        <v>0.44958682558534974</v>
      </c>
      <c r="O34" s="101">
        <v>4.2719141721375177E-2</v>
      </c>
      <c r="P34" s="292">
        <v>482</v>
      </c>
      <c r="Q34" s="296">
        <v>0.34080879548238791</v>
      </c>
      <c r="R34" s="101">
        <v>4.2179381683681939E-2</v>
      </c>
      <c r="S34" s="296">
        <v>0.14823564469920283</v>
      </c>
      <c r="T34" s="101">
        <v>3.1844530074357433E-2</v>
      </c>
      <c r="U34" s="296">
        <v>0.51095555981840923</v>
      </c>
      <c r="V34" s="101">
        <v>4.4443205383922865E-2</v>
      </c>
      <c r="W34" s="292">
        <v>499</v>
      </c>
      <c r="X34" s="296">
        <v>0.28270579250529421</v>
      </c>
      <c r="Y34" s="101">
        <v>3.9426441396590912E-2</v>
      </c>
      <c r="Z34" s="296">
        <v>0.12968677086691333</v>
      </c>
      <c r="AA34" s="101">
        <v>2.9641309889728382E-2</v>
      </c>
      <c r="AB34" s="296">
        <v>0.58760743662779247</v>
      </c>
      <c r="AC34" s="101">
        <v>4.3030863035514573E-2</v>
      </c>
      <c r="AD34" s="292">
        <v>527</v>
      </c>
      <c r="AE34" s="296">
        <v>0.24389110189558527</v>
      </c>
      <c r="AF34" s="101">
        <v>3.6623102918590118E-2</v>
      </c>
      <c r="AG34" s="296">
        <v>0.21485013562210767</v>
      </c>
      <c r="AH34" s="101">
        <v>3.5060509725149354E-2</v>
      </c>
      <c r="AI34" s="296">
        <v>0.54125876248230709</v>
      </c>
      <c r="AJ34" s="101">
        <v>4.2385519960796363E-2</v>
      </c>
      <c r="AK34" s="292">
        <v>476</v>
      </c>
      <c r="AL34" s="296">
        <v>0.18681927253218891</v>
      </c>
      <c r="AM34" s="101">
        <v>3.5055350617764547E-2</v>
      </c>
      <c r="AN34" s="296">
        <v>0.14513202731698618</v>
      </c>
      <c r="AO34" s="101">
        <v>3.1775638158800815E-2</v>
      </c>
      <c r="AP34" s="296">
        <v>0.66804870015082496</v>
      </c>
      <c r="AQ34" s="101">
        <v>4.2173066395096943E-2</v>
      </c>
      <c r="AR34" s="296">
        <v>0.80567623541666622</v>
      </c>
      <c r="AS34" s="101">
        <v>3.2793199590341708E-2</v>
      </c>
      <c r="AT34" s="101">
        <v>2.2825329174798743E-2</v>
      </c>
      <c r="AU34" s="296">
        <v>0.1138451706160462</v>
      </c>
      <c r="AV34" s="101">
        <v>2.6486123212305909E-2</v>
      </c>
      <c r="AW34" s="296">
        <v>8.0478593967287529E-2</v>
      </c>
      <c r="AX34" s="101">
        <v>2.2825329174798743E-2</v>
      </c>
      <c r="AY34" s="292">
        <v>478</v>
      </c>
      <c r="AZ34" s="296">
        <v>0.40023752416871505</v>
      </c>
      <c r="BA34" s="101">
        <v>4.3755218522294893E-2</v>
      </c>
      <c r="BB34" s="296">
        <v>0.27745703710777803</v>
      </c>
      <c r="BC34" s="101">
        <v>4.0054113329709477E-2</v>
      </c>
      <c r="BD34" s="296">
        <v>0.32230543872350692</v>
      </c>
      <c r="BE34" s="101">
        <v>4.1773570395941449E-2</v>
      </c>
      <c r="BF34" s="292">
        <v>499</v>
      </c>
      <c r="BG34" s="296">
        <v>0.38642742537555441</v>
      </c>
      <c r="BH34" s="101">
        <v>4.2572198198974807E-2</v>
      </c>
      <c r="BI34" s="296">
        <v>0.21660800621970133</v>
      </c>
      <c r="BJ34" s="101">
        <v>3.6134402037664388E-2</v>
      </c>
      <c r="BK34" s="296">
        <v>0.3969645684047442</v>
      </c>
      <c r="BL34" s="101">
        <v>4.2773212282993495E-2</v>
      </c>
      <c r="BM34" s="292">
        <v>542</v>
      </c>
      <c r="BN34" s="296">
        <v>0.33848467774386548</v>
      </c>
      <c r="BO34" s="101">
        <v>3.9725394653533815E-2</v>
      </c>
      <c r="BP34" s="296">
        <v>0.18559262498151127</v>
      </c>
      <c r="BQ34" s="101">
        <v>3.2766067426750783E-2</v>
      </c>
      <c r="BR34" s="296">
        <v>0.47592269727462322</v>
      </c>
      <c r="BS34" s="101">
        <v>4.1892183963085E-2</v>
      </c>
      <c r="BT34" s="292">
        <v>417</v>
      </c>
      <c r="BU34" s="296">
        <v>0.23388725823883619</v>
      </c>
      <c r="BV34" s="101">
        <v>4.0586503703377255E-2</v>
      </c>
      <c r="BW34" s="296">
        <v>0.13088822811650613</v>
      </c>
      <c r="BX34" s="101">
        <v>3.2581176990313133E-2</v>
      </c>
      <c r="BY34" s="296">
        <v>0.63522451364465771</v>
      </c>
      <c r="BZ34" s="101">
        <v>4.6016682853974381E-2</v>
      </c>
    </row>
    <row r="35" spans="1:78">
      <c r="A35" s="57" t="s">
        <v>457</v>
      </c>
      <c r="B35" s="289">
        <v>165</v>
      </c>
      <c r="C35" s="295">
        <v>0.41127933459342503</v>
      </c>
      <c r="D35" s="98">
        <v>7.4244752383404056E-2</v>
      </c>
      <c r="E35" s="295">
        <v>0.20427678647040198</v>
      </c>
      <c r="F35" s="98">
        <v>6.1546086775526671E-2</v>
      </c>
      <c r="G35" s="295">
        <v>0.38444387893617304</v>
      </c>
      <c r="H35" s="98">
        <v>7.3440465696985757E-2</v>
      </c>
      <c r="I35" s="289">
        <v>166</v>
      </c>
      <c r="J35" s="295">
        <v>0.31556230725263995</v>
      </c>
      <c r="K35" s="98">
        <v>7.0117406411048896E-2</v>
      </c>
      <c r="L35" s="295">
        <v>0.21296706292721754</v>
      </c>
      <c r="M35" s="98">
        <v>6.2243240770446046E-2</v>
      </c>
      <c r="N35" s="295">
        <v>0.47147062982014254</v>
      </c>
      <c r="O35" s="98">
        <v>7.5045814912076375E-2</v>
      </c>
      <c r="P35" s="289">
        <v>159</v>
      </c>
      <c r="Q35" s="295">
        <v>0.43270670007608758</v>
      </c>
      <c r="R35" s="98">
        <v>7.6095156432514452E-2</v>
      </c>
      <c r="S35" s="295">
        <v>0.18756750098117941</v>
      </c>
      <c r="T35" s="98">
        <v>6.0852058454173054E-2</v>
      </c>
      <c r="U35" s="295">
        <v>0.37972579894273301</v>
      </c>
      <c r="V35" s="98">
        <v>7.4616478024065236E-2</v>
      </c>
      <c r="W35" s="289">
        <v>160</v>
      </c>
      <c r="X35" s="295">
        <v>0.14348942088088851</v>
      </c>
      <c r="Y35" s="98">
        <v>5.4975651726261329E-2</v>
      </c>
      <c r="Z35" s="295">
        <v>8.0351007261042662E-2</v>
      </c>
      <c r="AA35" s="98">
        <v>4.3928488369846197E-2</v>
      </c>
      <c r="AB35" s="295">
        <v>0.77615957185806872</v>
      </c>
      <c r="AC35" s="98">
        <v>6.4465013840338481E-2</v>
      </c>
      <c r="AD35" s="289">
        <v>168</v>
      </c>
      <c r="AE35" s="295">
        <v>0.20867250699773959</v>
      </c>
      <c r="AF35" s="98">
        <v>6.1443172311082768E-2</v>
      </c>
      <c r="AG35" s="295">
        <v>0.26913033969437417</v>
      </c>
      <c r="AH35" s="98">
        <v>6.6693181669555499E-2</v>
      </c>
      <c r="AI35" s="295">
        <v>0.52219715330788619</v>
      </c>
      <c r="AJ35" s="98">
        <v>7.4654016126408623E-2</v>
      </c>
      <c r="AK35" s="289">
        <v>147</v>
      </c>
      <c r="AL35" s="295">
        <v>0.20076709961776876</v>
      </c>
      <c r="AM35" s="98">
        <v>6.4817854957400778E-2</v>
      </c>
      <c r="AN35" s="295">
        <v>8.2315879224261146E-2</v>
      </c>
      <c r="AO35" s="98">
        <v>4.6409611138963941E-2</v>
      </c>
      <c r="AP35" s="295">
        <v>0.71691702115797007</v>
      </c>
      <c r="AQ35" s="98">
        <v>7.2289475088579427E-2</v>
      </c>
      <c r="AR35" s="295">
        <v>0.86557649224312538</v>
      </c>
      <c r="AS35" s="98">
        <v>5.1374393376698628E-2</v>
      </c>
      <c r="AT35" s="98">
        <v>4.193673743869622E-2</v>
      </c>
      <c r="AU35" s="295">
        <v>5.4361655866183876E-2</v>
      </c>
      <c r="AV35" s="98">
        <v>3.6054439069291004E-2</v>
      </c>
      <c r="AW35" s="295">
        <v>8.0061851890690761E-2</v>
      </c>
      <c r="AX35" s="98">
        <v>4.193673743869622E-2</v>
      </c>
      <c r="AY35" s="289">
        <v>160</v>
      </c>
      <c r="AZ35" s="295">
        <v>0.59589875296139538</v>
      </c>
      <c r="BA35" s="98">
        <v>7.5173491576357929E-2</v>
      </c>
      <c r="BB35" s="295">
        <v>0.19567522679655186</v>
      </c>
      <c r="BC35" s="98">
        <v>6.1572849931302083E-2</v>
      </c>
      <c r="BD35" s="295">
        <v>0.20842602024205276</v>
      </c>
      <c r="BE35" s="98">
        <v>6.2933476141941683E-2</v>
      </c>
      <c r="BF35" s="289">
        <v>166</v>
      </c>
      <c r="BG35" s="295">
        <v>0.457814160542593</v>
      </c>
      <c r="BH35" s="98">
        <v>7.4907050515700943E-2</v>
      </c>
      <c r="BI35" s="295">
        <v>0.12285584859716087</v>
      </c>
      <c r="BJ35" s="98">
        <v>5.0839481757070162E-2</v>
      </c>
      <c r="BK35" s="295">
        <v>0.41932999086024614</v>
      </c>
      <c r="BL35" s="98">
        <v>7.4223938991393498E-2</v>
      </c>
      <c r="BM35" s="289">
        <v>178</v>
      </c>
      <c r="BN35" s="295">
        <v>0.16605625612330216</v>
      </c>
      <c r="BO35" s="98">
        <v>5.5003249592742325E-2</v>
      </c>
      <c r="BP35" s="295">
        <v>7.8619984466525794E-2</v>
      </c>
      <c r="BQ35" s="98">
        <v>4.1133324390482499E-2</v>
      </c>
      <c r="BR35" s="295">
        <v>0.75532375941017205</v>
      </c>
      <c r="BS35" s="98">
        <v>6.29343105787986E-2</v>
      </c>
      <c r="BT35" s="289">
        <v>140</v>
      </c>
      <c r="BU35" s="295">
        <v>0.1765938644696928</v>
      </c>
      <c r="BV35" s="98">
        <v>6.3498321861403417E-2</v>
      </c>
      <c r="BW35" s="295">
        <v>0.22234144784396964</v>
      </c>
      <c r="BX35" s="98">
        <v>6.874165375552832E-2</v>
      </c>
      <c r="BY35" s="295">
        <v>0.60106468768633758</v>
      </c>
      <c r="BZ35" s="98">
        <v>8.0074238891359756E-2</v>
      </c>
    </row>
    <row r="36" spans="1:78">
      <c r="A36" s="49" t="s">
        <v>458</v>
      </c>
      <c r="B36" s="292">
        <v>194</v>
      </c>
      <c r="C36" s="296">
        <v>0.5992512248704116</v>
      </c>
      <c r="D36" s="101">
        <v>6.8315618724274288E-2</v>
      </c>
      <c r="E36" s="296">
        <v>0.11540277561642141</v>
      </c>
      <c r="F36" s="101">
        <v>4.577594397558931E-2</v>
      </c>
      <c r="G36" s="296">
        <v>0.28534599951316697</v>
      </c>
      <c r="H36" s="101">
        <v>6.3184541519788959E-2</v>
      </c>
      <c r="I36" s="292">
        <v>213</v>
      </c>
      <c r="J36" s="296">
        <v>0.37463333153243855</v>
      </c>
      <c r="K36" s="101">
        <v>6.448047339773727E-2</v>
      </c>
      <c r="L36" s="296">
        <v>0.16525683865717181</v>
      </c>
      <c r="M36" s="101">
        <v>5.0145437654240371E-2</v>
      </c>
      <c r="N36" s="296">
        <v>0.46010982981038961</v>
      </c>
      <c r="O36" s="101">
        <v>6.6322436411161284E-2</v>
      </c>
      <c r="P36" s="292">
        <v>200</v>
      </c>
      <c r="Q36" s="296">
        <v>0.51418018563276013</v>
      </c>
      <c r="R36" s="101">
        <v>6.8587197099081967E-2</v>
      </c>
      <c r="S36" s="296">
        <v>0.17603422792940177</v>
      </c>
      <c r="T36" s="101">
        <v>5.2992127691418166E-2</v>
      </c>
      <c r="U36" s="296">
        <v>0.30978558643783816</v>
      </c>
      <c r="V36" s="101">
        <v>6.3662806716812292E-2</v>
      </c>
      <c r="W36" s="292">
        <v>162</v>
      </c>
      <c r="X36" s="296">
        <v>0.47710917023580379</v>
      </c>
      <c r="Y36" s="101">
        <v>7.5986796610693283E-2</v>
      </c>
      <c r="Z36" s="296">
        <v>0.16483824707293479</v>
      </c>
      <c r="AA36" s="101">
        <v>5.7529801006163353E-2</v>
      </c>
      <c r="AB36" s="296">
        <v>0.35805258269126145</v>
      </c>
      <c r="AC36" s="101">
        <v>7.3085225741998702E-2</v>
      </c>
      <c r="AD36" s="292">
        <v>231</v>
      </c>
      <c r="AE36" s="296">
        <v>0.30127547795834325</v>
      </c>
      <c r="AF36" s="101">
        <v>5.8847453445662161E-2</v>
      </c>
      <c r="AG36" s="296">
        <v>0.1494998741563183</v>
      </c>
      <c r="AH36" s="101">
        <v>4.6328499281794236E-2</v>
      </c>
      <c r="AI36" s="296">
        <v>0.54922464788533842</v>
      </c>
      <c r="AJ36" s="101">
        <v>6.3628099517893555E-2</v>
      </c>
      <c r="AK36" s="292">
        <v>187</v>
      </c>
      <c r="AL36" s="296">
        <v>0.17871410430168011</v>
      </c>
      <c r="AM36" s="101">
        <v>5.5119464875338517E-2</v>
      </c>
      <c r="AN36" s="296">
        <v>6.8738110693302962E-2</v>
      </c>
      <c r="AO36" s="101">
        <v>3.7980832555251864E-2</v>
      </c>
      <c r="AP36" s="296">
        <v>0.75254778500501696</v>
      </c>
      <c r="AQ36" s="101">
        <v>6.163294407044316E-2</v>
      </c>
      <c r="AR36" s="296">
        <v>0.90576705674284719</v>
      </c>
      <c r="AS36" s="101">
        <v>3.7387085952644623E-2</v>
      </c>
      <c r="AT36" s="101">
        <v>2.1212406625803155E-2</v>
      </c>
      <c r="AU36" s="296">
        <v>7.183575843061063E-2</v>
      </c>
      <c r="AV36" s="101">
        <v>3.3448709726676296E-2</v>
      </c>
      <c r="AW36" s="296">
        <v>2.2397184826542148E-2</v>
      </c>
      <c r="AX36" s="101">
        <v>2.1212406625803155E-2</v>
      </c>
      <c r="AY36" s="292">
        <v>172</v>
      </c>
      <c r="AZ36" s="296">
        <v>0.7451847457716374</v>
      </c>
      <c r="BA36" s="101">
        <v>6.4835370579118173E-2</v>
      </c>
      <c r="BB36" s="296">
        <v>0.15924077786738355</v>
      </c>
      <c r="BC36" s="101">
        <v>5.5101725202747025E-2</v>
      </c>
      <c r="BD36" s="296">
        <v>9.5574476360979016E-2</v>
      </c>
      <c r="BE36" s="101">
        <v>4.5245786268745952E-2</v>
      </c>
      <c r="BF36" s="292">
        <v>218</v>
      </c>
      <c r="BG36" s="296">
        <v>0.39737741490399531</v>
      </c>
      <c r="BH36" s="101">
        <v>6.4423548629314431E-2</v>
      </c>
      <c r="BI36" s="296">
        <v>0.20021024533128851</v>
      </c>
      <c r="BJ36" s="101">
        <v>5.3164293000333054E-2</v>
      </c>
      <c r="BK36" s="296">
        <v>0.40241233976471619</v>
      </c>
      <c r="BL36" s="101">
        <v>6.4553964816201279E-2</v>
      </c>
      <c r="BM36" s="292">
        <v>238</v>
      </c>
      <c r="BN36" s="296">
        <v>0.14742228116795106</v>
      </c>
      <c r="BO36" s="101">
        <v>4.5386453326429099E-2</v>
      </c>
      <c r="BP36" s="296">
        <v>0.12322318931672556</v>
      </c>
      <c r="BQ36" s="101">
        <v>4.2295831604693919E-2</v>
      </c>
      <c r="BR36" s="296">
        <v>0.72935452951532342</v>
      </c>
      <c r="BS36" s="101">
        <v>5.6222093812225225E-2</v>
      </c>
      <c r="BT36" s="292">
        <v>132</v>
      </c>
      <c r="BU36" s="296">
        <v>0.33593056687979816</v>
      </c>
      <c r="BV36" s="101">
        <v>7.9658387064596242E-2</v>
      </c>
      <c r="BW36" s="296">
        <v>8.367795758641558E-2</v>
      </c>
      <c r="BX36" s="101">
        <v>4.9493725414675574E-2</v>
      </c>
      <c r="BY36" s="296">
        <v>0.58039147553378623</v>
      </c>
      <c r="BZ36" s="101">
        <v>8.3004761989895925E-2</v>
      </c>
    </row>
    <row r="37" spans="1:78">
      <c r="A37" s="57" t="s">
        <v>459</v>
      </c>
      <c r="B37" s="289">
        <v>303</v>
      </c>
      <c r="C37" s="295">
        <v>0.50686174324009403</v>
      </c>
      <c r="D37" s="98">
        <v>5.5926423472506447E-2</v>
      </c>
      <c r="E37" s="295">
        <v>0.17542129551070837</v>
      </c>
      <c r="F37" s="98">
        <v>4.294379301621308E-2</v>
      </c>
      <c r="G37" s="295">
        <v>0.31771696124919757</v>
      </c>
      <c r="H37" s="98">
        <v>5.2185441700714694E-2</v>
      </c>
      <c r="I37" s="289">
        <v>305</v>
      </c>
      <c r="J37" s="295">
        <v>0.48497456908696202</v>
      </c>
      <c r="K37" s="98">
        <v>5.5725721505133365E-2</v>
      </c>
      <c r="L37" s="295">
        <v>0.1986012657009304</v>
      </c>
      <c r="M37" s="98">
        <v>4.4808147094382245E-2</v>
      </c>
      <c r="N37" s="295">
        <v>0.31642416521210764</v>
      </c>
      <c r="O37" s="98">
        <v>5.1960522249480452E-2</v>
      </c>
      <c r="P37" s="289">
        <v>284</v>
      </c>
      <c r="Q37" s="295">
        <v>0.51709794851657975</v>
      </c>
      <c r="R37" s="98">
        <v>5.771421229165654E-2</v>
      </c>
      <c r="S37" s="295">
        <v>0.26363370545278864</v>
      </c>
      <c r="T37" s="98">
        <v>5.1088634745586822E-2</v>
      </c>
      <c r="U37" s="295">
        <v>0.21926834603063158</v>
      </c>
      <c r="V37" s="98">
        <v>4.8088244533514735E-2</v>
      </c>
      <c r="W37" s="289">
        <v>294</v>
      </c>
      <c r="X37" s="295">
        <v>0.29299291064815114</v>
      </c>
      <c r="Y37" s="98">
        <v>5.1818270310239931E-2</v>
      </c>
      <c r="Z37" s="295">
        <v>9.1200963830671958E-2</v>
      </c>
      <c r="AA37" s="98">
        <v>3.3554712114820258E-2</v>
      </c>
      <c r="AB37" s="295">
        <v>0.61580612552117697</v>
      </c>
      <c r="AC37" s="98">
        <v>5.5267922162276474E-2</v>
      </c>
      <c r="AD37" s="289">
        <v>329</v>
      </c>
      <c r="AE37" s="295">
        <v>0.28261712981619536</v>
      </c>
      <c r="AF37" s="98">
        <v>4.8496897034672581E-2</v>
      </c>
      <c r="AG37" s="295">
        <v>0.17694840471080053</v>
      </c>
      <c r="AH37" s="98">
        <v>4.133854532100039E-2</v>
      </c>
      <c r="AI37" s="295">
        <v>0.54043446547300411</v>
      </c>
      <c r="AJ37" s="98">
        <v>5.3531982960685273E-2</v>
      </c>
      <c r="AK37" s="289">
        <v>289</v>
      </c>
      <c r="AL37" s="295">
        <v>0.23561870262410306</v>
      </c>
      <c r="AM37" s="98">
        <v>4.8848983200580939E-2</v>
      </c>
      <c r="AN37" s="295">
        <v>9.19135334438657E-2</v>
      </c>
      <c r="AO37" s="98">
        <v>3.3963914367439139E-2</v>
      </c>
      <c r="AP37" s="295">
        <v>0.67246776393203123</v>
      </c>
      <c r="AQ37" s="98">
        <v>5.3836745483049446E-2</v>
      </c>
      <c r="AR37" s="295">
        <v>0.73139252700199564</v>
      </c>
      <c r="AS37" s="98">
        <v>4.624857071947136E-2</v>
      </c>
      <c r="AT37" s="98">
        <v>4.0582030832856816E-2</v>
      </c>
      <c r="AU37" s="295">
        <v>8.4918765807225682E-2</v>
      </c>
      <c r="AV37" s="98">
        <v>2.9710004000935503E-2</v>
      </c>
      <c r="AW37" s="295">
        <v>0.18368870719077865</v>
      </c>
      <c r="AX37" s="98">
        <v>4.0582030832856816E-2</v>
      </c>
      <c r="AY37" s="289">
        <v>266</v>
      </c>
      <c r="AZ37" s="295">
        <v>0.61222035702377087</v>
      </c>
      <c r="BA37" s="98">
        <v>5.8164644686945058E-2</v>
      </c>
      <c r="BB37" s="295">
        <v>0.12113126901413919</v>
      </c>
      <c r="BC37" s="98">
        <v>3.9683401108456785E-2</v>
      </c>
      <c r="BD37" s="295">
        <v>0.2666483739620899</v>
      </c>
      <c r="BE37" s="98">
        <v>5.2962797405534598E-2</v>
      </c>
      <c r="BF37" s="289">
        <v>314</v>
      </c>
      <c r="BG37" s="295">
        <v>0.33875635907235058</v>
      </c>
      <c r="BH37" s="98">
        <v>5.2095013886368405E-2</v>
      </c>
      <c r="BI37" s="295">
        <v>0.23382818222732182</v>
      </c>
      <c r="BJ37" s="98">
        <v>4.6750925942281613E-2</v>
      </c>
      <c r="BK37" s="295">
        <v>0.42741545870032766</v>
      </c>
      <c r="BL37" s="98">
        <v>5.4388147252068725E-2</v>
      </c>
      <c r="BM37" s="289">
        <v>354</v>
      </c>
      <c r="BN37" s="295">
        <v>0.34999252937309011</v>
      </c>
      <c r="BO37" s="98">
        <v>4.9462934641973967E-2</v>
      </c>
      <c r="BP37" s="295">
        <v>7.6383508126014771E-2</v>
      </c>
      <c r="BQ37" s="98">
        <v>2.8281325514179192E-2</v>
      </c>
      <c r="BR37" s="295">
        <v>0.57362396250089509</v>
      </c>
      <c r="BS37" s="98">
        <v>5.1242641669384935E-2</v>
      </c>
      <c r="BT37" s="289">
        <v>234</v>
      </c>
      <c r="BU37" s="295">
        <v>0.22636158669839426</v>
      </c>
      <c r="BV37" s="98">
        <v>5.3543999235515075E-2</v>
      </c>
      <c r="BW37" s="295">
        <v>0.10681882902427769</v>
      </c>
      <c r="BX37" s="98">
        <v>4.0288669539059192E-2</v>
      </c>
      <c r="BY37" s="295">
        <v>0.66681958427732801</v>
      </c>
      <c r="BZ37" s="98">
        <v>6.0008973367787231E-2</v>
      </c>
    </row>
    <row r="38" spans="1:78">
      <c r="A38" s="49" t="s">
        <v>460</v>
      </c>
      <c r="B38" s="292">
        <v>131</v>
      </c>
      <c r="C38" s="296">
        <v>0.2384913866506953</v>
      </c>
      <c r="D38" s="101">
        <v>7.2674977688790665E-2</v>
      </c>
      <c r="E38" s="296">
        <v>0.15082372804139391</v>
      </c>
      <c r="F38" s="101">
        <v>6.2025165470943798E-2</v>
      </c>
      <c r="G38" s="296">
        <v>0.61068488530791076</v>
      </c>
      <c r="H38" s="101">
        <v>8.2375997272152654E-2</v>
      </c>
      <c r="I38" s="292">
        <v>133</v>
      </c>
      <c r="J38" s="296">
        <v>0.2971778590291228</v>
      </c>
      <c r="K38" s="101">
        <v>7.6961558898193561E-2</v>
      </c>
      <c r="L38" s="296">
        <v>9.7241067750842403E-2</v>
      </c>
      <c r="M38" s="101">
        <v>5.2185359566401586E-2</v>
      </c>
      <c r="N38" s="296">
        <v>0.60558107322003485</v>
      </c>
      <c r="O38" s="101">
        <v>8.1948908727063757E-2</v>
      </c>
      <c r="P38" s="292">
        <v>126</v>
      </c>
      <c r="Q38" s="296">
        <v>0.28597170991617832</v>
      </c>
      <c r="R38" s="101">
        <v>7.8205168163949526E-2</v>
      </c>
      <c r="S38" s="296">
        <v>0.23776491029162131</v>
      </c>
      <c r="T38" s="101">
        <v>7.4018222998156621E-2</v>
      </c>
      <c r="U38" s="296">
        <v>0.47626337979220035</v>
      </c>
      <c r="V38" s="101">
        <v>8.5860651270246502E-2</v>
      </c>
      <c r="W38" s="292">
        <v>125</v>
      </c>
      <c r="X38" s="296">
        <v>0.15175862557235753</v>
      </c>
      <c r="Y38" s="101">
        <v>6.3670971357698752E-2</v>
      </c>
      <c r="Z38" s="296">
        <v>6.7840090487399862E-2</v>
      </c>
      <c r="AA38" s="101">
        <v>4.7146361543180935E-2</v>
      </c>
      <c r="AB38" s="296">
        <v>0.78040128394024255</v>
      </c>
      <c r="AC38" s="101">
        <v>7.2432579932287605E-2</v>
      </c>
      <c r="AD38" s="292">
        <v>132</v>
      </c>
      <c r="AE38" s="296">
        <v>0.16374333813281827</v>
      </c>
      <c r="AF38" s="101">
        <v>6.3663347640212628E-2</v>
      </c>
      <c r="AG38" s="296">
        <v>0.18743369458165948</v>
      </c>
      <c r="AH38" s="101">
        <v>6.6798492344273666E-2</v>
      </c>
      <c r="AI38" s="296">
        <v>0.64882296728552225</v>
      </c>
      <c r="AJ38" s="101">
        <v>8.0451235268789709E-2</v>
      </c>
      <c r="AK38" s="292">
        <v>127</v>
      </c>
      <c r="AL38" s="296">
        <v>0.20319909089786004</v>
      </c>
      <c r="AM38" s="101">
        <v>7.0024051338716906E-2</v>
      </c>
      <c r="AN38" s="296">
        <v>0.14416976587809499</v>
      </c>
      <c r="AO38" s="101">
        <v>6.1980409951002749E-2</v>
      </c>
      <c r="AP38" s="296">
        <v>0.65263114322404492</v>
      </c>
      <c r="AQ38" s="101">
        <v>8.1787611943519953E-2</v>
      </c>
      <c r="AR38" s="296">
        <v>0.8236192930647831</v>
      </c>
      <c r="AS38" s="101">
        <v>6.4168148159707825E-2</v>
      </c>
      <c r="AT38" s="101">
        <v>4.9444632376263939E-2</v>
      </c>
      <c r="AU38" s="296">
        <v>8.8404726448613052E-2</v>
      </c>
      <c r="AV38" s="101">
        <v>4.9536395994943624E-2</v>
      </c>
      <c r="AW38" s="296">
        <v>8.7975980486603864E-2</v>
      </c>
      <c r="AX38" s="101">
        <v>4.9444632376263939E-2</v>
      </c>
      <c r="AY38" s="292">
        <v>130</v>
      </c>
      <c r="AZ38" s="296">
        <v>0.31263352180101045</v>
      </c>
      <c r="BA38" s="101">
        <v>7.8866382387476425E-2</v>
      </c>
      <c r="BB38" s="296">
        <v>0.10634835738735483</v>
      </c>
      <c r="BC38" s="101">
        <v>5.4643302987815202E-2</v>
      </c>
      <c r="BD38" s="296">
        <v>0.58101812081163473</v>
      </c>
      <c r="BE38" s="101">
        <v>8.3606529974482244E-2</v>
      </c>
      <c r="BF38" s="292">
        <v>133</v>
      </c>
      <c r="BG38" s="296">
        <v>0.22050537911773568</v>
      </c>
      <c r="BH38" s="101">
        <v>7.0326287733695883E-2</v>
      </c>
      <c r="BI38" s="296">
        <v>0.26874540646694239</v>
      </c>
      <c r="BJ38" s="101">
        <v>7.4812556774824165E-2</v>
      </c>
      <c r="BK38" s="296">
        <v>0.51074921441532195</v>
      </c>
      <c r="BL38" s="101">
        <v>8.3708813234097929E-2</v>
      </c>
      <c r="BM38" s="292">
        <v>140</v>
      </c>
      <c r="BN38" s="296">
        <v>0.20151691323183274</v>
      </c>
      <c r="BO38" s="101">
        <v>6.6504685677465925E-2</v>
      </c>
      <c r="BP38" s="296">
        <v>0.23329066460473799</v>
      </c>
      <c r="BQ38" s="101">
        <v>6.9826313304501883E-2</v>
      </c>
      <c r="BR38" s="296">
        <v>0.56519242216342924</v>
      </c>
      <c r="BS38" s="101">
        <v>8.100786390673019E-2</v>
      </c>
      <c r="BT38" s="292">
        <v>116</v>
      </c>
      <c r="BU38" s="296">
        <v>0.12745428936101716</v>
      </c>
      <c r="BV38" s="101">
        <v>6.2060176612742775E-2</v>
      </c>
      <c r="BW38" s="296">
        <v>0.14704940125440291</v>
      </c>
      <c r="BX38" s="101">
        <v>6.5396774067923436E-2</v>
      </c>
      <c r="BY38" s="296">
        <v>0.72549630938457998</v>
      </c>
      <c r="BZ38" s="101">
        <v>8.0512198410793018E-2</v>
      </c>
    </row>
  </sheetData>
  <mergeCells count="16">
    <mergeCell ref="A3:D3"/>
    <mergeCell ref="A4:D4"/>
    <mergeCell ref="A5:D5"/>
    <mergeCell ref="A23:BZ23"/>
    <mergeCell ref="A22:BZ22"/>
    <mergeCell ref="B24:H24"/>
    <mergeCell ref="I24:O24"/>
    <mergeCell ref="P24:V24"/>
    <mergeCell ref="W24:AC24"/>
    <mergeCell ref="AD24:AJ24"/>
    <mergeCell ref="BT24:BZ24"/>
    <mergeCell ref="AK24:AQ24"/>
    <mergeCell ref="AR24:AX24"/>
    <mergeCell ref="AY24:BE24"/>
    <mergeCell ref="BF24:BL24"/>
    <mergeCell ref="BM24:BS2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16"/>
  <sheetViews>
    <sheetView workbookViewId="0">
      <selection activeCell="A12" sqref="A12"/>
    </sheetView>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316" t="s">
        <v>4</v>
      </c>
      <c r="F1" s="325"/>
      <c r="G1" s="325"/>
      <c r="H1" s="325"/>
      <c r="I1" s="325"/>
      <c r="J1" s="325"/>
      <c r="K1" s="325"/>
      <c r="L1" s="325"/>
      <c r="M1" s="325"/>
      <c r="N1" s="325"/>
    </row>
    <row r="2" spans="1:14" ht="21">
      <c r="A2" s="304"/>
      <c r="B2" s="13"/>
      <c r="C2" s="13"/>
      <c r="D2" s="13"/>
      <c r="E2" s="13"/>
      <c r="F2" s="326"/>
      <c r="G2" s="326"/>
      <c r="H2" s="326"/>
      <c r="I2" s="326"/>
      <c r="J2" s="326"/>
      <c r="K2" s="326"/>
      <c r="L2" s="326"/>
      <c r="M2" s="326"/>
      <c r="N2" s="326"/>
    </row>
    <row r="3" spans="1:14" s="12" customFormat="1" ht="21">
      <c r="A3" s="317" t="s">
        <v>294</v>
      </c>
      <c r="B3" s="11"/>
      <c r="C3" s="11"/>
      <c r="D3" s="11"/>
      <c r="E3" s="11"/>
      <c r="F3" s="20"/>
      <c r="G3" s="20"/>
      <c r="H3" s="20"/>
      <c r="I3" s="20"/>
      <c r="J3" s="20"/>
      <c r="K3" s="20"/>
      <c r="L3" s="20"/>
      <c r="M3" s="20"/>
      <c r="N3" s="20"/>
    </row>
    <row r="4" spans="1:14" s="12" customFormat="1" ht="31.5">
      <c r="A4" s="318" t="s">
        <v>431</v>
      </c>
      <c r="B4" s="11"/>
      <c r="C4" s="11"/>
      <c r="D4" s="11"/>
      <c r="E4" s="11"/>
      <c r="F4" s="20"/>
      <c r="G4" s="20"/>
      <c r="H4" s="20"/>
      <c r="I4" s="20"/>
      <c r="J4" s="20"/>
      <c r="K4" s="20"/>
      <c r="L4" s="20"/>
      <c r="M4" s="20"/>
      <c r="N4" s="20"/>
    </row>
    <row r="5" spans="1:14" ht="18.75" customHeight="1">
      <c r="A5" s="304"/>
      <c r="B5" s="13"/>
      <c r="C5" s="13"/>
      <c r="D5" s="13"/>
      <c r="E5" s="13"/>
      <c r="F5" s="20"/>
      <c r="G5" s="20"/>
      <c r="H5" s="20"/>
      <c r="I5" s="20"/>
      <c r="J5" s="20"/>
      <c r="K5" s="20"/>
      <c r="L5" s="20"/>
      <c r="M5" s="20"/>
      <c r="N5" s="20"/>
    </row>
    <row r="6" spans="1:14">
      <c r="A6" s="319" t="s">
        <v>295</v>
      </c>
      <c r="B6" s="13"/>
      <c r="C6" s="13"/>
      <c r="D6" s="13"/>
      <c r="E6" s="13"/>
    </row>
    <row r="7" spans="1:14" ht="51" customHeight="1">
      <c r="A7" s="320" t="s">
        <v>432</v>
      </c>
      <c r="B7" s="13"/>
      <c r="C7" s="13"/>
      <c r="D7" s="13"/>
      <c r="E7" s="13"/>
      <c r="F7" s="13"/>
      <c r="G7" s="13"/>
    </row>
    <row r="8" spans="1:14">
      <c r="A8" s="298"/>
      <c r="B8" s="13"/>
      <c r="C8" s="13"/>
      <c r="D8" s="13"/>
      <c r="E8" s="13"/>
      <c r="F8" s="13"/>
      <c r="G8" s="13"/>
    </row>
    <row r="9" spans="1:14">
      <c r="A9" s="317" t="s">
        <v>296</v>
      </c>
      <c r="B9" s="13"/>
      <c r="C9" s="13"/>
      <c r="D9" s="13"/>
      <c r="E9" s="13"/>
      <c r="F9" s="13"/>
      <c r="G9" s="13"/>
    </row>
    <row r="10" spans="1:14" ht="30">
      <c r="A10" s="318" t="s">
        <v>461</v>
      </c>
      <c r="B10" s="13"/>
      <c r="C10" s="13"/>
      <c r="D10" s="13"/>
      <c r="E10" s="13"/>
      <c r="F10" s="13"/>
      <c r="G10" s="13"/>
    </row>
    <row r="11" spans="1:14">
      <c r="A11" s="304"/>
      <c r="B11" s="14"/>
      <c r="C11" s="14"/>
      <c r="D11" s="14"/>
      <c r="E11" s="14"/>
    </row>
    <row r="12" spans="1:14">
      <c r="A12" s="317" t="s">
        <v>297</v>
      </c>
    </row>
    <row r="13" spans="1:14" ht="135">
      <c r="A13" s="318" t="s">
        <v>433</v>
      </c>
    </row>
    <row r="14" spans="1:14">
      <c r="A14" s="298"/>
    </row>
    <row r="15" spans="1:14">
      <c r="A15" s="319" t="s">
        <v>5</v>
      </c>
    </row>
    <row r="16" spans="1:14" ht="45">
      <c r="A16" s="320" t="s">
        <v>298</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38"/>
  <sheetViews>
    <sheetView topLeftCell="A13" workbookViewId="0">
      <selection activeCell="A37" sqref="A37"/>
    </sheetView>
  </sheetViews>
  <sheetFormatPr defaultColWidth="8.85546875" defaultRowHeight="15"/>
  <cols>
    <col min="1" max="1" width="135.85546875" style="297" customWidth="1"/>
    <col min="2" max="7" width="8.85546875" style="2"/>
    <col min="8" max="8" width="19.42578125" style="2" customWidth="1"/>
    <col min="9" max="10" width="8.85546875" style="2"/>
    <col min="11" max="11" width="9.140625" style="2" customWidth="1"/>
    <col min="12" max="16384" width="8.85546875" style="2"/>
  </cols>
  <sheetData>
    <row r="1" spans="1:14" ht="23.25">
      <c r="A1" s="316" t="s">
        <v>437</v>
      </c>
      <c r="B1" s="9"/>
      <c r="C1" s="9"/>
      <c r="D1" s="9"/>
      <c r="E1" s="9"/>
      <c r="F1" s="9"/>
      <c r="G1" s="9"/>
      <c r="N1" s="8"/>
    </row>
    <row r="2" spans="1:14" ht="60">
      <c r="A2" s="323" t="s">
        <v>438</v>
      </c>
      <c r="B2" s="6"/>
      <c r="C2" s="6"/>
      <c r="D2" s="6"/>
    </row>
    <row r="3" spans="1:14" s="17" customFormat="1">
      <c r="A3" s="304"/>
      <c r="B3" s="13"/>
      <c r="C3" s="13"/>
      <c r="D3" s="13"/>
    </row>
    <row r="4" spans="1:14" s="18" customFormat="1">
      <c r="A4" s="322" t="s">
        <v>0</v>
      </c>
      <c r="B4" s="13"/>
      <c r="C4" s="13"/>
      <c r="D4" s="13"/>
    </row>
    <row r="5" spans="1:14" s="18" customFormat="1" ht="75">
      <c r="A5" s="321" t="s">
        <v>436</v>
      </c>
      <c r="B5" s="13"/>
      <c r="C5" s="13"/>
      <c r="D5" s="13"/>
    </row>
    <row r="6" spans="1:14" s="18" customFormat="1">
      <c r="A6" s="304"/>
      <c r="B6" s="13"/>
      <c r="C6" s="13"/>
      <c r="D6" s="13"/>
    </row>
    <row r="7" spans="1:14">
      <c r="A7" s="322" t="s">
        <v>434</v>
      </c>
    </row>
    <row r="8" spans="1:14" ht="75">
      <c r="A8" s="321" t="s">
        <v>435</v>
      </c>
    </row>
    <row r="9" spans="1:14" s="17" customFormat="1">
      <c r="A9" s="305"/>
    </row>
    <row r="10" spans="1:14">
      <c r="A10" s="324" t="s">
        <v>462</v>
      </c>
    </row>
    <row r="11" spans="1:14" ht="45">
      <c r="A11" s="323" t="s">
        <v>439</v>
      </c>
    </row>
    <row r="12" spans="1:14">
      <c r="A12" s="298"/>
    </row>
    <row r="13" spans="1:14" s="19" customFormat="1">
      <c r="A13" s="319" t="s">
        <v>463</v>
      </c>
    </row>
    <row r="14" spans="1:14" s="19" customFormat="1" ht="30">
      <c r="A14" s="323" t="s">
        <v>440</v>
      </c>
    </row>
    <row r="15" spans="1:14" s="19" customFormat="1">
      <c r="A15" s="298"/>
    </row>
    <row r="16" spans="1:14" s="19" customFormat="1">
      <c r="A16" s="319" t="s">
        <v>453</v>
      </c>
    </row>
    <row r="17" spans="1:1" s="19" customFormat="1" ht="45">
      <c r="A17" s="323" t="s">
        <v>441</v>
      </c>
    </row>
    <row r="18" spans="1:1" s="19" customFormat="1">
      <c r="A18" s="298"/>
    </row>
    <row r="19" spans="1:1" s="19" customFormat="1">
      <c r="A19" s="319" t="s">
        <v>464</v>
      </c>
    </row>
    <row r="20" spans="1:1" s="19" customFormat="1" ht="45">
      <c r="A20" s="323" t="s">
        <v>442</v>
      </c>
    </row>
    <row r="21" spans="1:1">
      <c r="A21" s="298"/>
    </row>
    <row r="22" spans="1:1">
      <c r="A22" s="319" t="s">
        <v>465</v>
      </c>
    </row>
    <row r="23" spans="1:1" ht="30">
      <c r="A23" s="323" t="s">
        <v>443</v>
      </c>
    </row>
    <row r="24" spans="1:1" s="299" customFormat="1">
      <c r="A24" s="303"/>
    </row>
    <row r="25" spans="1:1">
      <c r="A25" s="319" t="s">
        <v>466</v>
      </c>
    </row>
    <row r="26" spans="1:1" ht="45">
      <c r="A26" s="323" t="s">
        <v>444</v>
      </c>
    </row>
    <row r="27" spans="1:1">
      <c r="A27" s="303"/>
    </row>
    <row r="28" spans="1:1">
      <c r="A28" s="319" t="s">
        <v>457</v>
      </c>
    </row>
    <row r="29" spans="1:1" ht="30">
      <c r="A29" s="323" t="s">
        <v>445</v>
      </c>
    </row>
    <row r="30" spans="1:1">
      <c r="A30" s="303"/>
    </row>
    <row r="31" spans="1:1">
      <c r="A31" s="319" t="s">
        <v>467</v>
      </c>
    </row>
    <row r="32" spans="1:1" ht="75">
      <c r="A32" s="323" t="s">
        <v>446</v>
      </c>
    </row>
    <row r="33" spans="1:1">
      <c r="A33" s="303"/>
    </row>
    <row r="34" spans="1:1">
      <c r="A34" s="319" t="s">
        <v>459</v>
      </c>
    </row>
    <row r="35" spans="1:1" ht="30">
      <c r="A35" s="323" t="s">
        <v>447</v>
      </c>
    </row>
    <row r="36" spans="1:1">
      <c r="A36" s="303"/>
    </row>
    <row r="37" spans="1:1">
      <c r="A37" s="319" t="s">
        <v>468</v>
      </c>
    </row>
    <row r="38" spans="1:1" ht="45">
      <c r="A38" s="323" t="s">
        <v>448</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63"/>
  <sheetViews>
    <sheetView zoomScaleNormal="100" workbookViewId="0">
      <selection activeCell="B10" sqref="B10"/>
    </sheetView>
  </sheetViews>
  <sheetFormatPr defaultColWidth="8.85546875" defaultRowHeight="15"/>
  <cols>
    <col min="1" max="1" width="8.85546875" style="15"/>
    <col min="2" max="2" width="35.7109375" style="299" customWidth="1"/>
    <col min="3" max="3" width="36.140625" style="299" customWidth="1"/>
    <col min="4" max="4" width="21.140625" style="299" customWidth="1"/>
    <col min="5" max="5" width="8.85546875" style="299"/>
    <col min="6" max="6" width="23.42578125" style="299" customWidth="1"/>
    <col min="7" max="16384" width="8.85546875" style="299"/>
  </cols>
  <sheetData>
    <row r="1" spans="1:9" ht="21">
      <c r="A1" s="329" t="s">
        <v>1</v>
      </c>
      <c r="B1" s="329"/>
      <c r="C1" s="329"/>
      <c r="D1" s="329"/>
      <c r="E1" s="301"/>
      <c r="F1" s="301"/>
      <c r="G1" s="301"/>
      <c r="H1" s="301"/>
      <c r="I1" s="301"/>
    </row>
    <row r="2" spans="1:9" ht="21">
      <c r="A2" s="302"/>
      <c r="B2" s="302"/>
      <c r="C2" s="302"/>
      <c r="D2" s="302"/>
      <c r="E2" s="301"/>
      <c r="F2" s="301"/>
      <c r="G2" s="301"/>
      <c r="H2" s="301"/>
      <c r="I2" s="301"/>
    </row>
    <row r="3" spans="1:9" ht="21">
      <c r="A3" s="302" t="s">
        <v>8</v>
      </c>
      <c r="B3" s="302"/>
      <c r="C3" s="302"/>
      <c r="D3" s="302"/>
      <c r="E3" s="301"/>
      <c r="F3" s="301"/>
      <c r="G3" s="301"/>
      <c r="H3" s="301"/>
      <c r="I3" s="301"/>
    </row>
    <row r="4" spans="1:9" ht="21">
      <c r="A4" s="22"/>
      <c r="B4" s="301"/>
      <c r="C4" s="301"/>
      <c r="D4" s="301"/>
      <c r="E4" s="23"/>
      <c r="F4" s="301"/>
      <c r="G4" s="301"/>
      <c r="H4" s="301"/>
      <c r="I4" s="301"/>
    </row>
    <row r="5" spans="1:9" ht="18.75">
      <c r="A5" s="312" t="s">
        <v>82</v>
      </c>
      <c r="B5" s="24"/>
      <c r="C5" s="24"/>
      <c r="D5" s="301"/>
      <c r="E5" s="301"/>
      <c r="F5" s="301"/>
      <c r="G5" s="301"/>
      <c r="H5" s="301"/>
      <c r="I5" s="301"/>
    </row>
    <row r="6" spans="1:9" ht="18.75">
      <c r="A6" s="32"/>
      <c r="B6" s="24"/>
      <c r="C6" s="24"/>
      <c r="D6" s="301"/>
      <c r="E6" s="301"/>
      <c r="F6" s="301"/>
      <c r="G6" s="301"/>
      <c r="H6" s="301"/>
      <c r="I6" s="301"/>
    </row>
    <row r="7" spans="1:9" ht="18.75">
      <c r="A7" s="25">
        <v>1</v>
      </c>
      <c r="B7" s="313" t="s">
        <v>9</v>
      </c>
      <c r="C7" s="301"/>
      <c r="D7" s="301"/>
      <c r="E7" s="27"/>
      <c r="F7" s="27"/>
      <c r="G7" s="301"/>
      <c r="H7" s="301"/>
      <c r="I7" s="301"/>
    </row>
    <row r="8" spans="1:9">
      <c r="A8" s="25"/>
      <c r="B8" s="328" t="s">
        <v>12</v>
      </c>
      <c r="C8" s="328"/>
      <c r="D8" s="328"/>
      <c r="E8" s="328"/>
      <c r="F8" s="328"/>
      <c r="G8" s="301"/>
      <c r="H8" s="301"/>
      <c r="I8" s="301"/>
    </row>
    <row r="9" spans="1:9" ht="18.75">
      <c r="A9" s="32"/>
      <c r="B9" s="24"/>
      <c r="C9" s="24"/>
      <c r="D9" s="301"/>
      <c r="E9" s="301"/>
      <c r="F9" s="301"/>
      <c r="G9" s="301"/>
      <c r="H9" s="301"/>
      <c r="I9" s="301"/>
    </row>
    <row r="10" spans="1:9" ht="18.75">
      <c r="A10" s="25">
        <v>1</v>
      </c>
      <c r="B10" s="313" t="s">
        <v>10</v>
      </c>
      <c r="C10" s="301"/>
      <c r="D10" s="301"/>
      <c r="E10" s="27"/>
      <c r="F10" s="27"/>
      <c r="G10" s="301"/>
      <c r="H10" s="301"/>
      <c r="I10" s="301"/>
    </row>
    <row r="11" spans="1:9">
      <c r="A11" s="25"/>
      <c r="B11" s="328" t="s">
        <v>13</v>
      </c>
      <c r="C11" s="328"/>
      <c r="D11" s="328"/>
      <c r="E11" s="28"/>
      <c r="F11" s="28"/>
      <c r="G11" s="301"/>
      <c r="H11" s="301"/>
      <c r="I11" s="301"/>
    </row>
    <row r="12" spans="1:9" ht="18.75">
      <c r="A12" s="32"/>
      <c r="B12" s="24"/>
      <c r="C12" s="24"/>
      <c r="D12" s="301"/>
      <c r="E12" s="301"/>
      <c r="F12" s="301"/>
      <c r="G12" s="301"/>
      <c r="H12" s="301"/>
      <c r="I12" s="301"/>
    </row>
    <row r="13" spans="1:9" ht="18.75">
      <c r="A13" s="25">
        <v>1</v>
      </c>
      <c r="B13" s="313" t="s">
        <v>74</v>
      </c>
      <c r="C13" s="24"/>
      <c r="D13" s="301"/>
      <c r="E13" s="301"/>
      <c r="F13" s="301"/>
      <c r="G13" s="301"/>
      <c r="H13" s="301"/>
      <c r="I13" s="301"/>
    </row>
    <row r="14" spans="1:9" ht="18.75">
      <c r="A14" s="32"/>
      <c r="B14" s="301" t="s">
        <v>75</v>
      </c>
      <c r="C14" s="24"/>
      <c r="D14" s="301"/>
      <c r="E14" s="301"/>
      <c r="F14" s="301"/>
      <c r="G14" s="301"/>
      <c r="H14" s="301"/>
      <c r="I14" s="301"/>
    </row>
    <row r="15" spans="1:9" ht="18.75">
      <c r="A15" s="32"/>
      <c r="B15" s="301"/>
      <c r="C15" s="24"/>
      <c r="D15" s="301"/>
      <c r="E15" s="301"/>
      <c r="F15" s="301"/>
      <c r="G15" s="301"/>
      <c r="H15" s="301"/>
      <c r="I15" s="301"/>
    </row>
    <row r="16" spans="1:9" ht="18.75">
      <c r="A16" s="25">
        <v>1</v>
      </c>
      <c r="B16" s="313" t="s">
        <v>37</v>
      </c>
      <c r="C16" s="24"/>
      <c r="D16" s="301"/>
      <c r="E16" s="301"/>
      <c r="F16" s="301"/>
      <c r="G16" s="301"/>
      <c r="H16" s="301"/>
      <c r="I16" s="301"/>
    </row>
    <row r="17" spans="1:9" ht="18.75">
      <c r="A17" s="32"/>
      <c r="B17" s="301" t="s">
        <v>76</v>
      </c>
      <c r="C17" s="24"/>
      <c r="D17" s="301"/>
      <c r="E17" s="301"/>
      <c r="F17" s="301"/>
      <c r="G17" s="301"/>
      <c r="H17" s="301"/>
      <c r="I17" s="301"/>
    </row>
    <row r="18" spans="1:9" ht="18.75">
      <c r="A18" s="32"/>
      <c r="B18" s="301"/>
      <c r="C18" s="24"/>
      <c r="D18" s="301"/>
      <c r="E18" s="301"/>
      <c r="F18" s="301"/>
      <c r="G18" s="301"/>
      <c r="H18" s="301"/>
      <c r="I18" s="301"/>
    </row>
    <row r="19" spans="1:9" ht="18.75">
      <c r="A19" s="312" t="s">
        <v>83</v>
      </c>
      <c r="B19" s="301"/>
      <c r="C19" s="24"/>
      <c r="D19" s="301"/>
      <c r="E19" s="301"/>
      <c r="F19" s="301"/>
      <c r="G19" s="301"/>
      <c r="H19" s="301"/>
      <c r="I19" s="301"/>
    </row>
    <row r="20" spans="1:9" ht="18.75">
      <c r="A20" s="32"/>
      <c r="B20" s="301"/>
      <c r="C20" s="24"/>
      <c r="D20" s="301"/>
      <c r="E20" s="301"/>
      <c r="F20" s="301"/>
      <c r="G20" s="301"/>
      <c r="H20" s="301"/>
      <c r="I20" s="301"/>
    </row>
    <row r="21" spans="1:9" s="16" customFormat="1" ht="18.75">
      <c r="A21" s="25">
        <v>2</v>
      </c>
      <c r="B21" s="313" t="s">
        <v>11</v>
      </c>
      <c r="C21" s="301"/>
      <c r="D21" s="301"/>
      <c r="E21" s="27"/>
      <c r="F21" s="27"/>
      <c r="G21" s="27"/>
      <c r="H21" s="27"/>
      <c r="I21" s="27"/>
    </row>
    <row r="22" spans="1:9">
      <c r="A22" s="25"/>
      <c r="B22" s="328" t="s">
        <v>2</v>
      </c>
      <c r="C22" s="328"/>
      <c r="D22" s="328"/>
      <c r="E22" s="328"/>
      <c r="F22" s="328"/>
      <c r="G22" s="328"/>
      <c r="H22" s="301"/>
      <c r="I22" s="301"/>
    </row>
    <row r="23" spans="1:9">
      <c r="A23" s="25"/>
      <c r="B23" s="301"/>
      <c r="C23" s="301"/>
      <c r="D23" s="301"/>
      <c r="E23" s="301"/>
      <c r="F23" s="301"/>
      <c r="G23" s="301"/>
      <c r="H23" s="301"/>
      <c r="I23" s="301"/>
    </row>
    <row r="24" spans="1:9" s="16" customFormat="1" ht="18.75">
      <c r="A24" s="25">
        <v>2</v>
      </c>
      <c r="B24" s="313" t="s">
        <v>77</v>
      </c>
      <c r="C24" s="301"/>
      <c r="D24" s="301"/>
      <c r="E24" s="27"/>
      <c r="F24" s="27"/>
      <c r="G24" s="27"/>
      <c r="H24" s="27"/>
      <c r="I24" s="27"/>
    </row>
    <row r="25" spans="1:9">
      <c r="A25" s="25"/>
      <c r="B25" s="327" t="s">
        <v>78</v>
      </c>
      <c r="C25" s="328"/>
      <c r="D25" s="328"/>
      <c r="E25" s="328"/>
      <c r="F25" s="328"/>
      <c r="G25" s="328"/>
      <c r="H25" s="301"/>
      <c r="I25" s="301"/>
    </row>
    <row r="26" spans="1:9">
      <c r="A26" s="25"/>
      <c r="B26" s="301"/>
      <c r="C26" s="301"/>
      <c r="D26" s="301"/>
      <c r="E26" s="301"/>
      <c r="F26" s="301"/>
      <c r="G26" s="301"/>
      <c r="H26" s="301"/>
      <c r="I26" s="301"/>
    </row>
    <row r="27" spans="1:9">
      <c r="A27" s="25">
        <v>2</v>
      </c>
      <c r="B27" s="313" t="s">
        <v>79</v>
      </c>
      <c r="C27" s="301"/>
      <c r="D27" s="301"/>
      <c r="E27" s="301"/>
      <c r="F27" s="301"/>
      <c r="G27" s="301"/>
      <c r="H27" s="301"/>
      <c r="I27" s="301"/>
    </row>
    <row r="28" spans="1:9">
      <c r="A28" s="25"/>
      <c r="B28" s="301" t="s">
        <v>80</v>
      </c>
      <c r="C28" s="301"/>
      <c r="D28" s="301"/>
      <c r="E28" s="301"/>
      <c r="F28" s="301"/>
      <c r="G28" s="301"/>
      <c r="H28" s="301"/>
      <c r="I28" s="301"/>
    </row>
    <row r="29" spans="1:9">
      <c r="A29" s="25"/>
      <c r="B29" s="301"/>
      <c r="C29" s="301"/>
      <c r="D29" s="301"/>
      <c r="E29" s="301"/>
      <c r="F29" s="301"/>
      <c r="G29" s="301"/>
      <c r="H29" s="301"/>
      <c r="I29" s="301"/>
    </row>
    <row r="30" spans="1:9">
      <c r="A30" s="25">
        <v>2</v>
      </c>
      <c r="B30" s="313" t="s">
        <v>40</v>
      </c>
      <c r="C30" s="301"/>
      <c r="D30" s="301"/>
      <c r="E30" s="301"/>
      <c r="F30" s="301"/>
      <c r="G30" s="301"/>
      <c r="H30" s="301"/>
      <c r="I30" s="301"/>
    </row>
    <row r="31" spans="1:9">
      <c r="A31" s="25"/>
      <c r="B31" s="301" t="s">
        <v>81</v>
      </c>
      <c r="C31" s="301"/>
      <c r="D31" s="301"/>
      <c r="E31" s="301"/>
      <c r="F31" s="301"/>
      <c r="G31" s="301"/>
      <c r="H31" s="301"/>
      <c r="I31" s="301"/>
    </row>
    <row r="32" spans="1:9">
      <c r="A32" s="25"/>
      <c r="B32" s="301"/>
      <c r="C32" s="301"/>
      <c r="D32" s="301"/>
      <c r="E32" s="301"/>
      <c r="F32" s="301"/>
      <c r="G32" s="301"/>
      <c r="H32" s="301"/>
      <c r="I32" s="301"/>
    </row>
    <row r="33" spans="1:9" s="16" customFormat="1" ht="18.75">
      <c r="A33" s="330" t="s">
        <v>22</v>
      </c>
      <c r="B33" s="330"/>
      <c r="C33" s="330"/>
      <c r="D33" s="27"/>
      <c r="E33" s="27"/>
      <c r="F33" s="27"/>
      <c r="G33" s="27"/>
      <c r="H33" s="27"/>
      <c r="I33" s="27"/>
    </row>
    <row r="34" spans="1:9" s="16" customFormat="1" ht="18.75">
      <c r="A34" s="32"/>
      <c r="B34" s="32"/>
      <c r="C34" s="32"/>
      <c r="D34" s="27"/>
      <c r="E34" s="27"/>
      <c r="F34" s="27"/>
      <c r="G34" s="27"/>
      <c r="H34" s="27"/>
      <c r="I34" s="27"/>
    </row>
    <row r="35" spans="1:9" s="16" customFormat="1" ht="18.75">
      <c r="A35" s="312" t="s">
        <v>49</v>
      </c>
      <c r="B35" s="32"/>
      <c r="C35" s="32"/>
      <c r="D35" s="27"/>
      <c r="E35" s="27"/>
      <c r="F35" s="27"/>
      <c r="G35" s="27"/>
      <c r="H35" s="27"/>
      <c r="I35" s="27"/>
    </row>
    <row r="36" spans="1:9" s="16" customFormat="1" ht="18.75">
      <c r="A36" s="32"/>
      <c r="B36" s="32"/>
      <c r="C36" s="32"/>
      <c r="D36" s="27"/>
      <c r="E36" s="27"/>
      <c r="F36" s="27"/>
      <c r="G36" s="27"/>
      <c r="H36" s="27"/>
      <c r="I36" s="27"/>
    </row>
    <row r="37" spans="1:9">
      <c r="A37" s="25">
        <v>3</v>
      </c>
      <c r="B37" s="314" t="s">
        <v>3</v>
      </c>
      <c r="C37" s="301"/>
      <c r="D37" s="301"/>
      <c r="E37" s="301"/>
      <c r="F37" s="301"/>
      <c r="G37" s="301"/>
      <c r="H37" s="301"/>
      <c r="I37" s="301"/>
    </row>
    <row r="38" spans="1:9">
      <c r="A38" s="22"/>
      <c r="B38" s="327" t="s">
        <v>24</v>
      </c>
      <c r="C38" s="328"/>
      <c r="D38" s="328"/>
      <c r="E38" s="328"/>
      <c r="F38" s="26"/>
      <c r="G38" s="301"/>
      <c r="H38" s="301"/>
      <c r="I38" s="301"/>
    </row>
    <row r="39" spans="1:9">
      <c r="A39" s="22"/>
      <c r="B39" s="300"/>
      <c r="C39" s="301"/>
      <c r="D39" s="301"/>
      <c r="E39" s="301"/>
      <c r="F39" s="26"/>
      <c r="G39" s="301"/>
      <c r="H39" s="301"/>
      <c r="I39" s="301"/>
    </row>
    <row r="40" spans="1:9">
      <c r="A40" s="22">
        <v>3</v>
      </c>
      <c r="B40" s="314" t="s">
        <v>41</v>
      </c>
      <c r="C40" s="301"/>
      <c r="D40" s="301"/>
      <c r="E40" s="301"/>
      <c r="F40" s="26"/>
      <c r="G40" s="301"/>
      <c r="H40" s="301"/>
      <c r="I40" s="301"/>
    </row>
    <row r="41" spans="1:9">
      <c r="A41" s="22"/>
      <c r="B41" s="300" t="s">
        <v>84</v>
      </c>
      <c r="C41" s="301"/>
      <c r="D41" s="301"/>
      <c r="E41" s="301"/>
      <c r="F41" s="26"/>
      <c r="G41" s="301"/>
      <c r="H41" s="301"/>
      <c r="I41" s="301"/>
    </row>
    <row r="42" spans="1:9">
      <c r="A42" s="22"/>
      <c r="B42" s="300"/>
      <c r="C42" s="301"/>
      <c r="D42" s="301"/>
      <c r="E42" s="301"/>
      <c r="F42" s="26"/>
      <c r="G42" s="301"/>
      <c r="H42" s="301"/>
      <c r="I42" s="301"/>
    </row>
    <row r="43" spans="1:9">
      <c r="A43" s="22">
        <v>3</v>
      </c>
      <c r="B43" s="314" t="s">
        <v>42</v>
      </c>
      <c r="C43" s="301"/>
      <c r="D43" s="301"/>
      <c r="E43" s="301"/>
      <c r="F43" s="26"/>
      <c r="G43" s="301"/>
      <c r="H43" s="301"/>
      <c r="I43" s="301"/>
    </row>
    <row r="44" spans="1:9">
      <c r="A44" s="22"/>
      <c r="B44" s="300" t="s">
        <v>85</v>
      </c>
      <c r="C44" s="301"/>
      <c r="D44" s="301"/>
      <c r="E44" s="301"/>
      <c r="F44" s="26"/>
      <c r="G44" s="301"/>
      <c r="H44" s="301"/>
      <c r="I44" s="301"/>
    </row>
    <row r="45" spans="1:9">
      <c r="A45" s="22"/>
      <c r="B45" s="300"/>
      <c r="C45" s="301"/>
      <c r="D45" s="301"/>
      <c r="E45" s="301"/>
      <c r="F45" s="26"/>
      <c r="G45" s="301"/>
      <c r="H45" s="301"/>
      <c r="I45" s="301"/>
    </row>
    <row r="46" spans="1:9">
      <c r="A46" s="25">
        <v>3</v>
      </c>
      <c r="B46" s="314" t="s">
        <v>14</v>
      </c>
      <c r="C46" s="301"/>
      <c r="D46" s="301"/>
      <c r="E46" s="301"/>
      <c r="F46" s="301"/>
      <c r="G46" s="301"/>
      <c r="H46" s="301"/>
      <c r="I46" s="301"/>
    </row>
    <row r="47" spans="1:9">
      <c r="A47" s="22"/>
      <c r="B47" s="327" t="s">
        <v>25</v>
      </c>
      <c r="C47" s="328"/>
      <c r="D47" s="301"/>
      <c r="E47" s="301"/>
      <c r="F47" s="301"/>
      <c r="G47" s="301"/>
      <c r="H47" s="301"/>
      <c r="I47" s="301"/>
    </row>
    <row r="48" spans="1:9">
      <c r="A48" s="22"/>
      <c r="B48" s="300"/>
      <c r="C48" s="301"/>
      <c r="D48" s="301"/>
      <c r="E48" s="301"/>
      <c r="F48" s="301"/>
      <c r="G48" s="301"/>
      <c r="H48" s="301"/>
      <c r="I48" s="301"/>
    </row>
    <row r="49" spans="1:9">
      <c r="A49" s="22">
        <v>3</v>
      </c>
      <c r="B49" s="314" t="s">
        <v>43</v>
      </c>
      <c r="C49" s="301"/>
      <c r="D49" s="301"/>
      <c r="E49" s="301"/>
      <c r="F49" s="301"/>
      <c r="G49" s="301"/>
      <c r="H49" s="301"/>
      <c r="I49" s="301"/>
    </row>
    <row r="50" spans="1:9">
      <c r="A50" s="22"/>
      <c r="B50" s="300" t="s">
        <v>86</v>
      </c>
      <c r="C50" s="301"/>
      <c r="D50" s="301"/>
      <c r="E50" s="301"/>
      <c r="F50" s="301"/>
      <c r="G50" s="301"/>
      <c r="H50" s="301"/>
      <c r="I50" s="301"/>
    </row>
    <row r="51" spans="1:9" ht="21">
      <c r="A51" s="29"/>
      <c r="B51" s="301"/>
      <c r="C51" s="301"/>
      <c r="D51" s="301"/>
      <c r="E51" s="301"/>
      <c r="F51" s="301"/>
      <c r="G51" s="301"/>
      <c r="H51" s="301"/>
      <c r="I51" s="301"/>
    </row>
    <row r="52" spans="1:9" s="16" customFormat="1" ht="18.75">
      <c r="A52" s="312" t="s">
        <v>48</v>
      </c>
      <c r="B52" s="32"/>
      <c r="C52" s="32"/>
      <c r="D52" s="27"/>
      <c r="E52" s="27"/>
      <c r="F52" s="27"/>
      <c r="G52" s="27"/>
      <c r="H52" s="27"/>
      <c r="I52" s="27"/>
    </row>
    <row r="53" spans="1:9" s="16" customFormat="1" ht="18.75">
      <c r="A53" s="32"/>
      <c r="B53" s="32"/>
      <c r="C53" s="32"/>
      <c r="D53" s="27"/>
      <c r="E53" s="27"/>
      <c r="F53" s="27"/>
      <c r="G53" s="27"/>
      <c r="H53" s="27"/>
      <c r="I53" s="27"/>
    </row>
    <row r="54" spans="1:9">
      <c r="A54" s="25">
        <v>4</v>
      </c>
      <c r="B54" s="313" t="s">
        <v>6</v>
      </c>
      <c r="C54" s="301"/>
      <c r="D54" s="301"/>
      <c r="E54" s="301"/>
      <c r="F54" s="301"/>
      <c r="G54" s="301"/>
      <c r="H54" s="301"/>
      <c r="I54" s="301"/>
    </row>
    <row r="55" spans="1:9">
      <c r="A55" s="22"/>
      <c r="B55" s="327" t="s">
        <v>23</v>
      </c>
      <c r="C55" s="328"/>
      <c r="D55" s="328"/>
      <c r="E55" s="301"/>
      <c r="F55" s="301"/>
      <c r="G55" s="301"/>
      <c r="H55" s="301"/>
      <c r="I55" s="301"/>
    </row>
    <row r="56" spans="1:9">
      <c r="A56" s="22"/>
      <c r="B56" s="327" t="s">
        <v>35</v>
      </c>
      <c r="C56" s="328"/>
      <c r="D56" s="328"/>
      <c r="E56" s="301"/>
      <c r="F56" s="301"/>
      <c r="G56" s="301"/>
      <c r="H56" s="301"/>
      <c r="I56" s="301"/>
    </row>
    <row r="57" spans="1:9" ht="21">
      <c r="A57" s="29"/>
      <c r="B57" s="301"/>
      <c r="C57" s="301"/>
      <c r="D57" s="301"/>
      <c r="E57" s="301"/>
      <c r="F57" s="301"/>
      <c r="G57" s="301"/>
      <c r="H57" s="301"/>
      <c r="I57" s="301"/>
    </row>
    <row r="58" spans="1:9">
      <c r="A58" s="25">
        <v>4</v>
      </c>
      <c r="B58" s="314" t="s">
        <v>374</v>
      </c>
      <c r="C58" s="301"/>
      <c r="D58" s="301"/>
      <c r="E58" s="301"/>
      <c r="F58" s="301"/>
      <c r="G58" s="301"/>
      <c r="H58" s="301"/>
      <c r="I58" s="301"/>
    </row>
    <row r="59" spans="1:9">
      <c r="A59" s="22"/>
      <c r="B59" s="327" t="s">
        <v>387</v>
      </c>
      <c r="C59" s="328"/>
      <c r="D59" s="301"/>
      <c r="E59" s="301"/>
      <c r="F59" s="301"/>
      <c r="G59" s="301"/>
      <c r="H59" s="301"/>
      <c r="I59" s="301"/>
    </row>
    <row r="60" spans="1:9">
      <c r="A60" s="22"/>
      <c r="B60" s="327" t="s">
        <v>388</v>
      </c>
      <c r="C60" s="328"/>
      <c r="D60" s="328"/>
      <c r="E60" s="328"/>
      <c r="F60" s="301"/>
      <c r="G60" s="301"/>
      <c r="H60" s="301"/>
      <c r="I60" s="301"/>
    </row>
    <row r="61" spans="1:9" ht="21">
      <c r="A61" s="29"/>
      <c r="B61" s="301"/>
      <c r="C61" s="301"/>
      <c r="D61" s="301"/>
      <c r="E61" s="301"/>
      <c r="F61" s="301"/>
      <c r="G61" s="301"/>
      <c r="H61" s="301"/>
      <c r="I61" s="301"/>
    </row>
    <row r="62" spans="1:9">
      <c r="A62" s="25">
        <v>4</v>
      </c>
      <c r="B62" s="314" t="s">
        <v>44</v>
      </c>
      <c r="C62" s="301"/>
      <c r="D62" s="301"/>
      <c r="E62" s="301"/>
      <c r="F62" s="301"/>
      <c r="G62" s="301"/>
      <c r="H62" s="301"/>
      <c r="I62" s="301"/>
    </row>
    <row r="63" spans="1:9">
      <c r="A63" s="22"/>
      <c r="B63" s="327" t="s">
        <v>87</v>
      </c>
      <c r="C63" s="328"/>
      <c r="D63" s="328"/>
      <c r="E63" s="328"/>
      <c r="F63" s="26"/>
      <c r="G63" s="301"/>
      <c r="H63" s="301"/>
      <c r="I63" s="301"/>
    </row>
    <row r="64" spans="1:9">
      <c r="A64" s="22"/>
      <c r="B64" s="327"/>
      <c r="C64" s="328"/>
      <c r="D64" s="328"/>
      <c r="E64" s="328"/>
      <c r="F64" s="301"/>
      <c r="G64" s="26"/>
      <c r="H64" s="301"/>
      <c r="I64" s="301"/>
    </row>
    <row r="65" spans="1:9">
      <c r="A65" s="22">
        <v>4</v>
      </c>
      <c r="B65" s="314" t="s">
        <v>45</v>
      </c>
      <c r="C65" s="301"/>
      <c r="D65" s="301"/>
      <c r="E65" s="301"/>
      <c r="F65" s="301"/>
      <c r="G65" s="26"/>
      <c r="H65" s="301"/>
      <c r="I65" s="301"/>
    </row>
    <row r="66" spans="1:9">
      <c r="A66" s="22"/>
      <c r="B66" s="300" t="s">
        <v>88</v>
      </c>
      <c r="C66" s="301"/>
      <c r="D66" s="301"/>
      <c r="E66" s="301"/>
      <c r="F66" s="301"/>
      <c r="G66" s="26"/>
      <c r="H66" s="301"/>
      <c r="I66" s="301"/>
    </row>
    <row r="67" spans="1:9">
      <c r="A67" s="22"/>
      <c r="B67" s="300"/>
      <c r="C67" s="301"/>
      <c r="D67" s="301"/>
      <c r="E67" s="301"/>
      <c r="F67" s="301"/>
      <c r="G67" s="26"/>
      <c r="H67" s="301"/>
      <c r="I67" s="301"/>
    </row>
    <row r="68" spans="1:9">
      <c r="A68" s="25">
        <v>4</v>
      </c>
      <c r="B68" s="314" t="s">
        <v>7</v>
      </c>
      <c r="C68" s="301"/>
      <c r="D68" s="301"/>
      <c r="E68" s="301"/>
      <c r="F68" s="301"/>
      <c r="G68" s="301"/>
      <c r="H68" s="301"/>
      <c r="I68" s="301"/>
    </row>
    <row r="69" spans="1:9">
      <c r="A69" s="22"/>
      <c r="B69" s="327" t="s">
        <v>26</v>
      </c>
      <c r="C69" s="328"/>
      <c r="D69" s="328"/>
      <c r="E69" s="301"/>
      <c r="F69" s="301"/>
      <c r="G69" s="301"/>
      <c r="H69" s="301"/>
      <c r="I69" s="301"/>
    </row>
    <row r="70" spans="1:9">
      <c r="A70" s="22"/>
      <c r="B70" s="327"/>
      <c r="C70" s="328"/>
      <c r="D70" s="328"/>
      <c r="E70" s="301"/>
      <c r="F70" s="301"/>
      <c r="G70" s="301"/>
      <c r="H70" s="301"/>
      <c r="I70" s="301"/>
    </row>
    <row r="71" spans="1:9">
      <c r="A71" s="22">
        <v>4</v>
      </c>
      <c r="B71" s="314" t="s">
        <v>46</v>
      </c>
      <c r="C71" s="301"/>
      <c r="D71" s="301"/>
      <c r="E71" s="301"/>
      <c r="F71" s="301"/>
      <c r="G71" s="301"/>
      <c r="H71" s="301"/>
      <c r="I71" s="301"/>
    </row>
    <row r="72" spans="1:9">
      <c r="A72" s="22"/>
      <c r="B72" s="300" t="s">
        <v>89</v>
      </c>
      <c r="C72" s="301"/>
      <c r="D72" s="301"/>
      <c r="E72" s="301"/>
      <c r="F72" s="301"/>
      <c r="G72" s="301"/>
      <c r="H72" s="301"/>
      <c r="I72" s="301"/>
    </row>
    <row r="73" spans="1:9">
      <c r="A73" s="22"/>
      <c r="B73" s="300"/>
      <c r="C73" s="301"/>
      <c r="D73" s="301"/>
      <c r="E73" s="301"/>
      <c r="F73" s="301"/>
      <c r="G73" s="301"/>
      <c r="H73" s="301"/>
      <c r="I73" s="301"/>
    </row>
    <row r="74" spans="1:9">
      <c r="A74" s="315" t="s">
        <v>90</v>
      </c>
      <c r="B74" s="300"/>
      <c r="C74" s="301"/>
      <c r="D74" s="301"/>
      <c r="E74" s="301"/>
      <c r="F74" s="301"/>
      <c r="G74" s="301"/>
      <c r="H74" s="301"/>
      <c r="I74" s="301"/>
    </row>
    <row r="75" spans="1:9">
      <c r="A75" s="22"/>
      <c r="B75" s="300"/>
      <c r="C75" s="301"/>
      <c r="D75" s="301"/>
      <c r="E75" s="301"/>
      <c r="F75" s="301"/>
      <c r="G75" s="301"/>
      <c r="H75" s="301"/>
      <c r="I75" s="301"/>
    </row>
    <row r="76" spans="1:9">
      <c r="A76" s="25">
        <v>5</v>
      </c>
      <c r="B76" s="314" t="s">
        <v>15</v>
      </c>
      <c r="C76" s="301"/>
      <c r="D76" s="301"/>
      <c r="E76" s="301"/>
      <c r="F76" s="301"/>
      <c r="G76" s="301"/>
      <c r="H76" s="301"/>
      <c r="I76" s="301"/>
    </row>
    <row r="77" spans="1:9">
      <c r="A77" s="22"/>
      <c r="B77" s="327" t="s">
        <v>27</v>
      </c>
      <c r="C77" s="328"/>
      <c r="D77" s="328"/>
      <c r="E77" s="301"/>
      <c r="F77" s="301"/>
      <c r="G77" s="301"/>
      <c r="H77" s="301"/>
      <c r="I77" s="301"/>
    </row>
    <row r="78" spans="1:9">
      <c r="A78" s="22"/>
      <c r="B78" s="300"/>
      <c r="C78" s="301"/>
      <c r="D78" s="301"/>
      <c r="E78" s="301"/>
      <c r="F78" s="301"/>
      <c r="G78" s="301"/>
      <c r="H78" s="301"/>
      <c r="I78" s="301"/>
    </row>
    <row r="79" spans="1:9">
      <c r="A79" s="22">
        <v>5</v>
      </c>
      <c r="B79" s="314" t="s">
        <v>50</v>
      </c>
      <c r="C79" s="301"/>
      <c r="D79" s="301"/>
      <c r="E79" s="301"/>
      <c r="F79" s="301"/>
      <c r="G79" s="301"/>
      <c r="H79" s="301"/>
      <c r="I79" s="301"/>
    </row>
    <row r="80" spans="1:9">
      <c r="A80" s="22"/>
      <c r="B80" s="300" t="s">
        <v>91</v>
      </c>
      <c r="C80" s="301"/>
      <c r="D80" s="301"/>
      <c r="E80" s="301"/>
      <c r="F80" s="301"/>
      <c r="G80" s="301"/>
      <c r="H80" s="301"/>
      <c r="I80" s="301"/>
    </row>
    <row r="81" spans="1:9">
      <c r="A81" s="22"/>
      <c r="B81" s="301"/>
      <c r="C81" s="301"/>
      <c r="D81" s="301"/>
      <c r="E81" s="301"/>
      <c r="F81" s="301"/>
      <c r="G81" s="301"/>
      <c r="H81" s="301"/>
      <c r="I81" s="301"/>
    </row>
    <row r="82" spans="1:9">
      <c r="A82" s="25">
        <v>5</v>
      </c>
      <c r="B82" s="314" t="s">
        <v>51</v>
      </c>
      <c r="C82" s="301"/>
      <c r="D82" s="301"/>
      <c r="E82" s="301"/>
      <c r="F82" s="301"/>
      <c r="G82" s="301"/>
      <c r="H82" s="301"/>
      <c r="I82" s="301"/>
    </row>
    <row r="83" spans="1:9">
      <c r="A83" s="22"/>
      <c r="B83" s="327" t="s">
        <v>92</v>
      </c>
      <c r="C83" s="328"/>
      <c r="D83" s="328"/>
      <c r="E83" s="301"/>
      <c r="F83" s="301"/>
      <c r="G83" s="301"/>
      <c r="H83" s="301"/>
      <c r="I83" s="301"/>
    </row>
    <row r="84" spans="1:9">
      <c r="A84" s="22"/>
      <c r="B84" s="327"/>
      <c r="C84" s="328"/>
      <c r="D84" s="328"/>
      <c r="E84" s="301"/>
      <c r="F84" s="301"/>
      <c r="G84" s="301"/>
      <c r="H84" s="301"/>
      <c r="I84" s="301"/>
    </row>
    <row r="85" spans="1:9">
      <c r="A85" s="22">
        <v>5</v>
      </c>
      <c r="B85" s="314" t="s">
        <v>52</v>
      </c>
      <c r="C85" s="301"/>
      <c r="D85" s="301"/>
      <c r="E85" s="301"/>
      <c r="F85" s="301"/>
      <c r="G85" s="301"/>
      <c r="H85" s="301"/>
      <c r="I85" s="301"/>
    </row>
    <row r="86" spans="1:9">
      <c r="A86" s="22"/>
      <c r="B86" s="300" t="s">
        <v>93</v>
      </c>
      <c r="C86" s="301"/>
      <c r="D86" s="301"/>
      <c r="E86" s="301"/>
      <c r="F86" s="301"/>
      <c r="G86" s="301"/>
      <c r="H86" s="301"/>
      <c r="I86" s="301"/>
    </row>
    <row r="87" spans="1:9">
      <c r="A87" s="22"/>
      <c r="B87" s="300"/>
      <c r="C87" s="301"/>
      <c r="D87" s="301"/>
      <c r="E87" s="301"/>
      <c r="F87" s="301"/>
      <c r="G87" s="301"/>
      <c r="H87" s="301"/>
      <c r="I87" s="301"/>
    </row>
    <row r="88" spans="1:9">
      <c r="A88" s="315" t="s">
        <v>53</v>
      </c>
      <c r="B88" s="300"/>
      <c r="C88" s="301"/>
      <c r="D88" s="301"/>
      <c r="E88" s="301"/>
      <c r="F88" s="301"/>
      <c r="G88" s="301"/>
      <c r="H88" s="301"/>
      <c r="I88" s="301"/>
    </row>
    <row r="89" spans="1:9">
      <c r="A89" s="22"/>
      <c r="B89" s="300"/>
      <c r="C89" s="301"/>
      <c r="D89" s="301"/>
      <c r="E89" s="301"/>
      <c r="F89" s="301"/>
      <c r="G89" s="301"/>
      <c r="H89" s="301"/>
      <c r="I89" s="301"/>
    </row>
    <row r="90" spans="1:9">
      <c r="A90" s="25">
        <v>6</v>
      </c>
      <c r="B90" s="314" t="s">
        <v>16</v>
      </c>
      <c r="C90" s="301"/>
      <c r="D90" s="301"/>
      <c r="E90" s="301"/>
      <c r="F90" s="301"/>
      <c r="G90" s="301"/>
      <c r="H90" s="301"/>
      <c r="I90" s="301"/>
    </row>
    <row r="91" spans="1:9">
      <c r="A91" s="22"/>
      <c r="B91" s="327" t="s">
        <v>28</v>
      </c>
      <c r="C91" s="328"/>
      <c r="D91" s="328"/>
      <c r="E91" s="301"/>
      <c r="F91" s="301"/>
      <c r="G91" s="301"/>
      <c r="H91" s="301"/>
      <c r="I91" s="301"/>
    </row>
    <row r="92" spans="1:9">
      <c r="A92" s="22"/>
      <c r="B92" s="327"/>
      <c r="C92" s="328"/>
      <c r="D92" s="328"/>
      <c r="E92" s="301"/>
      <c r="F92" s="301"/>
      <c r="G92" s="301"/>
      <c r="H92" s="301"/>
      <c r="I92" s="301"/>
    </row>
    <row r="93" spans="1:9">
      <c r="A93" s="22">
        <v>6</v>
      </c>
      <c r="B93" s="314" t="s">
        <v>54</v>
      </c>
      <c r="C93" s="301"/>
      <c r="D93" s="301"/>
      <c r="E93" s="301"/>
      <c r="F93" s="301"/>
      <c r="G93" s="301"/>
      <c r="H93" s="301"/>
      <c r="I93" s="301"/>
    </row>
    <row r="94" spans="1:9">
      <c r="A94" s="22"/>
      <c r="B94" s="300" t="s">
        <v>94</v>
      </c>
      <c r="C94" s="301"/>
      <c r="D94" s="301"/>
      <c r="E94" s="301"/>
      <c r="F94" s="301"/>
      <c r="G94" s="301"/>
      <c r="H94" s="301"/>
      <c r="I94" s="301"/>
    </row>
    <row r="95" spans="1:9">
      <c r="A95" s="22"/>
      <c r="B95" s="301"/>
      <c r="C95" s="301"/>
      <c r="D95" s="301"/>
      <c r="E95" s="301"/>
      <c r="F95" s="301"/>
      <c r="G95" s="301"/>
      <c r="H95" s="301"/>
      <c r="I95" s="301"/>
    </row>
    <row r="96" spans="1:9">
      <c r="A96" s="25">
        <v>6</v>
      </c>
      <c r="B96" s="314" t="s">
        <v>95</v>
      </c>
      <c r="C96" s="301"/>
      <c r="D96" s="301"/>
      <c r="E96" s="301"/>
      <c r="F96" s="301"/>
      <c r="G96" s="301"/>
      <c r="H96" s="301"/>
      <c r="I96" s="301"/>
    </row>
    <row r="97" spans="1:9">
      <c r="A97" s="22"/>
      <c r="B97" s="327" t="s">
        <v>29</v>
      </c>
      <c r="C97" s="328"/>
      <c r="D97" s="328"/>
      <c r="E97" s="301"/>
      <c r="F97" s="301"/>
      <c r="G97" s="301"/>
      <c r="H97" s="301"/>
      <c r="I97" s="301"/>
    </row>
    <row r="98" spans="1:9">
      <c r="A98" s="22"/>
      <c r="B98" s="327"/>
      <c r="C98" s="328"/>
      <c r="D98" s="328"/>
      <c r="E98" s="301"/>
      <c r="F98" s="301"/>
      <c r="G98" s="301"/>
      <c r="H98" s="301"/>
      <c r="I98" s="301"/>
    </row>
    <row r="99" spans="1:9">
      <c r="A99" s="22">
        <v>6</v>
      </c>
      <c r="B99" s="314" t="s">
        <v>56</v>
      </c>
      <c r="C99" s="301"/>
      <c r="D99" s="301"/>
      <c r="E99" s="301"/>
      <c r="F99" s="301"/>
      <c r="G99" s="301"/>
      <c r="H99" s="301"/>
      <c r="I99" s="301"/>
    </row>
    <row r="100" spans="1:9">
      <c r="A100" s="22"/>
      <c r="B100" s="300" t="s">
        <v>96</v>
      </c>
      <c r="C100" s="301"/>
      <c r="D100" s="301"/>
      <c r="E100" s="301"/>
      <c r="F100" s="301"/>
      <c r="G100" s="301"/>
      <c r="H100" s="301"/>
      <c r="I100" s="301"/>
    </row>
    <row r="101" spans="1:9">
      <c r="A101" s="22"/>
      <c r="B101" s="300"/>
      <c r="C101" s="301"/>
      <c r="D101" s="301"/>
      <c r="E101" s="301"/>
      <c r="F101" s="301"/>
      <c r="G101" s="301"/>
      <c r="H101" s="301"/>
      <c r="I101" s="301"/>
    </row>
    <row r="102" spans="1:9">
      <c r="A102" s="22">
        <v>6</v>
      </c>
      <c r="B102" s="313" t="s">
        <v>34</v>
      </c>
      <c r="C102" s="301"/>
      <c r="D102" s="301"/>
      <c r="E102" s="301"/>
      <c r="F102" s="301"/>
      <c r="G102" s="301"/>
      <c r="H102" s="301"/>
      <c r="I102" s="301"/>
    </row>
    <row r="103" spans="1:9">
      <c r="A103" s="25"/>
      <c r="B103" s="301" t="s">
        <v>97</v>
      </c>
      <c r="C103" s="301"/>
      <c r="D103" s="301"/>
      <c r="E103" s="301"/>
      <c r="F103" s="301"/>
      <c r="G103" s="301"/>
      <c r="H103" s="301"/>
      <c r="I103" s="301"/>
    </row>
    <row r="104" spans="1:9">
      <c r="A104" s="22"/>
      <c r="B104" s="327"/>
      <c r="C104" s="328"/>
      <c r="D104" s="328"/>
      <c r="E104" s="301"/>
      <c r="F104" s="301"/>
      <c r="G104" s="301"/>
      <c r="H104" s="301"/>
      <c r="I104" s="301"/>
    </row>
    <row r="105" spans="1:9">
      <c r="A105" s="22">
        <v>6</v>
      </c>
      <c r="B105" s="314" t="s">
        <v>17</v>
      </c>
      <c r="C105" s="301"/>
      <c r="D105" s="301"/>
      <c r="E105" s="301"/>
      <c r="F105" s="301"/>
      <c r="G105" s="301"/>
      <c r="H105" s="301"/>
      <c r="I105" s="301"/>
    </row>
    <row r="106" spans="1:9">
      <c r="A106" s="31"/>
      <c r="B106" s="327" t="s">
        <v>18</v>
      </c>
      <c r="C106" s="328"/>
      <c r="D106" s="328"/>
      <c r="E106" s="301"/>
      <c r="F106" s="301"/>
      <c r="G106" s="301"/>
      <c r="H106" s="301"/>
      <c r="I106" s="301"/>
    </row>
    <row r="107" spans="1:9">
      <c r="A107" s="31"/>
      <c r="B107" s="300"/>
      <c r="C107" s="301"/>
      <c r="D107" s="301"/>
      <c r="E107" s="301"/>
      <c r="F107" s="301"/>
      <c r="G107" s="301"/>
      <c r="H107" s="301"/>
      <c r="I107" s="301"/>
    </row>
    <row r="108" spans="1:9">
      <c r="A108" s="22">
        <v>6</v>
      </c>
      <c r="B108" s="314" t="s">
        <v>57</v>
      </c>
      <c r="C108" s="301"/>
      <c r="D108" s="301"/>
      <c r="E108" s="301"/>
      <c r="F108" s="301"/>
      <c r="G108" s="301"/>
      <c r="H108" s="301"/>
      <c r="I108" s="301"/>
    </row>
    <row r="109" spans="1:9">
      <c r="A109" s="31"/>
      <c r="B109" s="300" t="s">
        <v>98</v>
      </c>
      <c r="C109" s="301"/>
      <c r="D109" s="301"/>
      <c r="E109" s="301"/>
      <c r="F109" s="301"/>
      <c r="G109" s="301"/>
      <c r="H109" s="301"/>
      <c r="I109" s="301"/>
    </row>
    <row r="110" spans="1:9">
      <c r="A110" s="31"/>
      <c r="B110" s="300"/>
      <c r="C110" s="301"/>
      <c r="D110" s="301"/>
      <c r="E110" s="301"/>
      <c r="F110" s="301"/>
      <c r="G110" s="301"/>
      <c r="H110" s="301"/>
      <c r="I110" s="301"/>
    </row>
    <row r="111" spans="1:9">
      <c r="A111" s="315" t="s">
        <v>59</v>
      </c>
      <c r="B111" s="34"/>
      <c r="C111" s="35"/>
      <c r="D111" s="35"/>
      <c r="E111" s="301"/>
      <c r="F111" s="301"/>
      <c r="G111" s="301"/>
      <c r="H111" s="301"/>
      <c r="I111" s="301"/>
    </row>
    <row r="112" spans="1:9">
      <c r="A112" s="31"/>
      <c r="B112" s="30"/>
      <c r="C112" s="301"/>
      <c r="D112" s="301"/>
      <c r="E112" s="301"/>
      <c r="F112" s="301"/>
      <c r="G112" s="301"/>
      <c r="H112" s="301"/>
      <c r="I112" s="301"/>
    </row>
    <row r="113" spans="1:9">
      <c r="A113" s="25">
        <v>7</v>
      </c>
      <c r="B113" s="314" t="s">
        <v>58</v>
      </c>
      <c r="C113" s="301"/>
      <c r="D113" s="301"/>
      <c r="E113" s="301"/>
      <c r="F113" s="301"/>
      <c r="G113" s="301"/>
      <c r="H113" s="301"/>
      <c r="I113" s="301"/>
    </row>
    <row r="114" spans="1:9">
      <c r="A114" s="31"/>
      <c r="B114" s="327" t="s">
        <v>99</v>
      </c>
      <c r="C114" s="328"/>
      <c r="D114" s="328"/>
      <c r="E114" s="301"/>
      <c r="F114" s="301"/>
      <c r="G114" s="301"/>
      <c r="H114" s="301"/>
      <c r="I114" s="301"/>
    </row>
    <row r="115" spans="1:9">
      <c r="A115" s="31"/>
      <c r="B115" s="327"/>
      <c r="C115" s="328"/>
      <c r="D115" s="328"/>
      <c r="E115" s="301"/>
      <c r="F115" s="301"/>
      <c r="G115" s="301"/>
      <c r="H115" s="301"/>
      <c r="I115" s="301"/>
    </row>
    <row r="116" spans="1:9">
      <c r="A116" s="25">
        <v>7</v>
      </c>
      <c r="B116" s="314" t="s">
        <v>60</v>
      </c>
      <c r="C116" s="301"/>
      <c r="D116" s="301"/>
      <c r="E116" s="301"/>
      <c r="F116" s="301"/>
      <c r="G116" s="301"/>
      <c r="H116" s="301"/>
      <c r="I116" s="301"/>
    </row>
    <row r="117" spans="1:9">
      <c r="A117" s="31"/>
      <c r="B117" s="300" t="s">
        <v>100</v>
      </c>
      <c r="C117" s="301"/>
      <c r="D117" s="301"/>
      <c r="E117" s="301"/>
      <c r="F117" s="301"/>
      <c r="G117" s="301"/>
      <c r="H117" s="301"/>
      <c r="I117" s="301"/>
    </row>
    <row r="118" spans="1:9">
      <c r="A118" s="31"/>
      <c r="B118" s="300"/>
      <c r="C118" s="301"/>
      <c r="D118" s="301"/>
      <c r="E118" s="301"/>
      <c r="F118" s="301"/>
      <c r="G118" s="301"/>
      <c r="H118" s="301"/>
      <c r="I118" s="301"/>
    </row>
    <row r="119" spans="1:9">
      <c r="A119" s="25">
        <v>7</v>
      </c>
      <c r="B119" s="314" t="s">
        <v>61</v>
      </c>
      <c r="C119" s="301"/>
      <c r="D119" s="301"/>
      <c r="E119" s="301"/>
      <c r="F119" s="301"/>
      <c r="G119" s="301"/>
      <c r="H119" s="301"/>
      <c r="I119" s="301"/>
    </row>
    <row r="120" spans="1:9">
      <c r="A120" s="31"/>
      <c r="B120" s="300" t="s">
        <v>101</v>
      </c>
      <c r="C120" s="301"/>
      <c r="D120" s="301"/>
      <c r="E120" s="301"/>
      <c r="F120" s="301"/>
      <c r="G120" s="301"/>
      <c r="H120" s="301"/>
      <c r="I120" s="301"/>
    </row>
    <row r="121" spans="1:9">
      <c r="A121" s="31"/>
      <c r="B121" s="300"/>
      <c r="C121" s="301"/>
      <c r="D121" s="301"/>
      <c r="E121" s="301"/>
      <c r="F121" s="301"/>
      <c r="G121" s="301"/>
      <c r="H121" s="301"/>
      <c r="I121" s="301"/>
    </row>
    <row r="122" spans="1:9">
      <c r="A122" s="25">
        <v>7</v>
      </c>
      <c r="B122" s="314" t="s">
        <v>62</v>
      </c>
      <c r="C122" s="301"/>
      <c r="D122" s="301"/>
      <c r="E122" s="301"/>
      <c r="F122" s="301"/>
      <c r="G122" s="301"/>
      <c r="H122" s="301"/>
      <c r="I122" s="301"/>
    </row>
    <row r="123" spans="1:9">
      <c r="A123" s="31"/>
      <c r="B123" s="300" t="s">
        <v>102</v>
      </c>
      <c r="C123" s="301"/>
      <c r="D123" s="301"/>
      <c r="E123" s="301"/>
      <c r="F123" s="301"/>
      <c r="G123" s="301"/>
      <c r="H123" s="301"/>
      <c r="I123" s="301"/>
    </row>
    <row r="124" spans="1:9">
      <c r="A124" s="31"/>
      <c r="B124" s="300"/>
      <c r="C124" s="301"/>
      <c r="D124" s="301"/>
      <c r="E124" s="301"/>
      <c r="F124" s="301"/>
      <c r="G124" s="301"/>
      <c r="H124" s="301"/>
      <c r="I124" s="301"/>
    </row>
    <row r="125" spans="1:9">
      <c r="A125" s="25">
        <v>7</v>
      </c>
      <c r="B125" s="314" t="s">
        <v>63</v>
      </c>
      <c r="C125" s="301"/>
      <c r="D125" s="301"/>
      <c r="E125" s="301"/>
      <c r="F125" s="301"/>
      <c r="G125" s="301"/>
      <c r="H125" s="301"/>
      <c r="I125" s="301"/>
    </row>
    <row r="126" spans="1:9">
      <c r="A126" s="31"/>
      <c r="B126" s="300" t="s">
        <v>103</v>
      </c>
      <c r="C126" s="301"/>
      <c r="D126" s="301"/>
      <c r="E126" s="301"/>
      <c r="F126" s="301"/>
      <c r="G126" s="301"/>
      <c r="H126" s="301"/>
      <c r="I126" s="301"/>
    </row>
    <row r="127" spans="1:9">
      <c r="A127" s="25"/>
      <c r="B127" s="300"/>
      <c r="C127" s="301"/>
      <c r="D127" s="301"/>
      <c r="E127" s="301"/>
      <c r="F127" s="301"/>
      <c r="G127" s="301"/>
      <c r="H127" s="301"/>
      <c r="I127" s="301"/>
    </row>
    <row r="128" spans="1:9">
      <c r="A128" s="25">
        <v>7</v>
      </c>
      <c r="B128" s="314" t="s">
        <v>64</v>
      </c>
      <c r="C128" s="301"/>
      <c r="D128" s="301"/>
      <c r="E128" s="301"/>
      <c r="F128" s="301"/>
      <c r="G128" s="301"/>
      <c r="H128" s="301"/>
      <c r="I128" s="301"/>
    </row>
    <row r="129" spans="1:9">
      <c r="A129" s="25"/>
      <c r="B129" s="300" t="s">
        <v>104</v>
      </c>
      <c r="C129" s="301"/>
      <c r="D129" s="301"/>
      <c r="E129" s="301"/>
      <c r="F129" s="301"/>
      <c r="G129" s="301"/>
      <c r="H129" s="301"/>
      <c r="I129" s="301"/>
    </row>
    <row r="130" spans="1:9">
      <c r="A130" s="25"/>
      <c r="B130" s="300"/>
      <c r="C130" s="301"/>
      <c r="D130" s="301"/>
      <c r="E130" s="301"/>
      <c r="F130" s="301"/>
      <c r="G130" s="301"/>
      <c r="H130" s="301"/>
      <c r="I130" s="301"/>
    </row>
    <row r="131" spans="1:9">
      <c r="A131" s="25">
        <v>7</v>
      </c>
      <c r="B131" s="314" t="s">
        <v>65</v>
      </c>
      <c r="C131" s="301"/>
      <c r="D131" s="301"/>
      <c r="E131" s="301"/>
      <c r="F131" s="301"/>
      <c r="G131" s="301"/>
      <c r="H131" s="301"/>
      <c r="I131" s="301"/>
    </row>
    <row r="132" spans="1:9">
      <c r="A132" s="25"/>
      <c r="B132" s="300" t="s">
        <v>105</v>
      </c>
      <c r="C132" s="301"/>
      <c r="D132" s="301"/>
      <c r="E132" s="301"/>
      <c r="F132" s="301"/>
      <c r="G132" s="301"/>
      <c r="H132" s="301"/>
      <c r="I132" s="301"/>
    </row>
    <row r="133" spans="1:9">
      <c r="A133" s="31"/>
      <c r="B133" s="300"/>
      <c r="C133" s="301"/>
      <c r="D133" s="301"/>
      <c r="E133" s="301"/>
      <c r="F133" s="301"/>
      <c r="G133" s="301"/>
      <c r="H133" s="301"/>
      <c r="I133" s="301"/>
    </row>
    <row r="134" spans="1:9">
      <c r="A134" s="25">
        <v>7</v>
      </c>
      <c r="B134" s="314" t="s">
        <v>66</v>
      </c>
      <c r="C134" s="301"/>
      <c r="D134" s="301"/>
      <c r="E134" s="301"/>
      <c r="F134" s="301"/>
      <c r="G134" s="301"/>
      <c r="H134" s="301"/>
      <c r="I134" s="301"/>
    </row>
    <row r="135" spans="1:9">
      <c r="A135" s="31"/>
      <c r="B135" s="300" t="s">
        <v>106</v>
      </c>
      <c r="C135" s="301"/>
      <c r="D135" s="301"/>
      <c r="E135" s="301"/>
      <c r="F135" s="301"/>
      <c r="G135" s="301"/>
      <c r="H135" s="301"/>
      <c r="I135" s="301"/>
    </row>
    <row r="136" spans="1:9">
      <c r="A136" s="31"/>
      <c r="B136" s="300"/>
      <c r="C136" s="301"/>
      <c r="D136" s="301"/>
      <c r="E136" s="301"/>
      <c r="F136" s="301"/>
      <c r="G136" s="301"/>
      <c r="H136" s="301"/>
      <c r="I136" s="301"/>
    </row>
    <row r="137" spans="1:9">
      <c r="A137" s="25">
        <v>7</v>
      </c>
      <c r="B137" s="314" t="s">
        <v>19</v>
      </c>
      <c r="C137" s="301"/>
      <c r="D137" s="301"/>
      <c r="E137" s="301"/>
      <c r="F137" s="301"/>
      <c r="G137" s="301"/>
      <c r="H137" s="301"/>
      <c r="I137" s="301"/>
    </row>
    <row r="138" spans="1:9">
      <c r="A138" s="31"/>
      <c r="B138" s="327" t="s">
        <v>30</v>
      </c>
      <c r="C138" s="328"/>
      <c r="D138" s="328"/>
      <c r="E138" s="301"/>
      <c r="F138" s="301"/>
      <c r="G138" s="301"/>
      <c r="H138" s="301"/>
      <c r="I138" s="301"/>
    </row>
    <row r="139" spans="1:9">
      <c r="A139" s="25"/>
      <c r="B139" s="300"/>
      <c r="C139" s="301"/>
      <c r="D139" s="301"/>
      <c r="E139" s="301"/>
      <c r="F139" s="301"/>
      <c r="G139" s="301"/>
      <c r="H139" s="301"/>
      <c r="I139" s="301"/>
    </row>
    <row r="140" spans="1:9">
      <c r="A140" s="25">
        <v>7</v>
      </c>
      <c r="B140" s="314" t="s">
        <v>107</v>
      </c>
      <c r="C140" s="301"/>
      <c r="D140" s="301"/>
      <c r="E140" s="301"/>
      <c r="F140" s="301"/>
      <c r="G140" s="301"/>
      <c r="H140" s="301"/>
      <c r="I140" s="301"/>
    </row>
    <row r="141" spans="1:9">
      <c r="A141" s="31"/>
      <c r="B141" s="300" t="s">
        <v>108</v>
      </c>
      <c r="C141" s="301"/>
      <c r="D141" s="301"/>
      <c r="E141" s="301"/>
      <c r="F141" s="301"/>
      <c r="G141" s="301"/>
      <c r="H141" s="301"/>
      <c r="I141" s="301"/>
    </row>
    <row r="142" spans="1:9">
      <c r="A142" s="31"/>
      <c r="B142" s="300"/>
      <c r="C142" s="301"/>
      <c r="D142" s="301"/>
      <c r="E142" s="301"/>
      <c r="F142" s="301"/>
      <c r="G142" s="301"/>
      <c r="H142" s="301"/>
      <c r="I142" s="301"/>
    </row>
    <row r="143" spans="1:9">
      <c r="A143" s="25">
        <v>7</v>
      </c>
      <c r="B143" s="312" t="s">
        <v>69</v>
      </c>
      <c r="C143" s="25"/>
      <c r="D143" s="25"/>
      <c r="E143" s="301"/>
      <c r="F143" s="301"/>
      <c r="G143" s="301"/>
      <c r="H143" s="301"/>
      <c r="I143" s="301"/>
    </row>
    <row r="144" spans="1:9">
      <c r="A144" s="25"/>
      <c r="B144" s="25" t="s">
        <v>31</v>
      </c>
      <c r="C144" s="25"/>
      <c r="D144" s="25"/>
      <c r="E144" s="301"/>
      <c r="F144" s="301"/>
      <c r="G144" s="301"/>
      <c r="H144" s="301"/>
      <c r="I144" s="301"/>
    </row>
    <row r="145" spans="1:9">
      <c r="A145" s="25"/>
      <c r="B145" s="25"/>
      <c r="C145" s="25"/>
      <c r="D145" s="25"/>
      <c r="E145" s="301"/>
      <c r="F145" s="301"/>
      <c r="G145" s="301"/>
      <c r="H145" s="301"/>
      <c r="I145" s="301"/>
    </row>
    <row r="146" spans="1:9">
      <c r="A146" s="25">
        <v>7</v>
      </c>
      <c r="B146" s="312" t="s">
        <v>70</v>
      </c>
      <c r="C146" s="25"/>
      <c r="D146" s="25"/>
      <c r="E146" s="301"/>
      <c r="F146" s="301"/>
      <c r="G146" s="301"/>
      <c r="H146" s="301"/>
      <c r="I146" s="301"/>
    </row>
    <row r="147" spans="1:9">
      <c r="A147" s="25"/>
      <c r="B147" s="25" t="s">
        <v>109</v>
      </c>
      <c r="C147" s="25"/>
      <c r="D147" s="25"/>
      <c r="E147" s="301"/>
      <c r="F147" s="301"/>
      <c r="G147" s="301"/>
      <c r="H147" s="301"/>
      <c r="I147" s="301"/>
    </row>
    <row r="148" spans="1:9">
      <c r="A148" s="31"/>
      <c r="B148" s="300"/>
      <c r="C148" s="301"/>
      <c r="D148" s="301"/>
      <c r="E148" s="301"/>
      <c r="F148" s="301"/>
      <c r="G148" s="301"/>
      <c r="H148" s="301"/>
      <c r="I148" s="301"/>
    </row>
    <row r="149" spans="1:9">
      <c r="A149" s="25">
        <v>7</v>
      </c>
      <c r="B149" s="312" t="s">
        <v>20</v>
      </c>
      <c r="C149" s="301"/>
      <c r="D149" s="301"/>
      <c r="E149" s="301"/>
      <c r="F149" s="301"/>
      <c r="G149" s="301"/>
      <c r="H149" s="301"/>
      <c r="I149" s="301"/>
    </row>
    <row r="150" spans="1:9">
      <c r="A150" s="31"/>
      <c r="B150" s="327" t="s">
        <v>32</v>
      </c>
      <c r="C150" s="328"/>
      <c r="D150" s="328"/>
      <c r="E150" s="301"/>
      <c r="F150" s="301"/>
      <c r="G150" s="301"/>
      <c r="H150" s="301"/>
      <c r="I150" s="301"/>
    </row>
    <row r="151" spans="1:9">
      <c r="A151" s="31"/>
      <c r="B151" s="300"/>
      <c r="C151" s="301"/>
      <c r="D151" s="301"/>
      <c r="E151" s="301"/>
      <c r="F151" s="301"/>
      <c r="G151" s="301"/>
      <c r="H151" s="301"/>
      <c r="I151" s="301"/>
    </row>
    <row r="152" spans="1:9">
      <c r="A152" s="25">
        <v>7</v>
      </c>
      <c r="B152" s="314" t="s">
        <v>71</v>
      </c>
      <c r="C152" s="301"/>
      <c r="D152" s="301"/>
      <c r="E152" s="301"/>
      <c r="F152" s="301"/>
      <c r="G152" s="301"/>
      <c r="H152" s="301"/>
      <c r="I152" s="301"/>
    </row>
    <row r="153" spans="1:9">
      <c r="A153" s="31"/>
      <c r="B153" s="25" t="s">
        <v>110</v>
      </c>
      <c r="C153" s="301"/>
      <c r="D153" s="301"/>
      <c r="E153" s="301"/>
      <c r="F153" s="301"/>
      <c r="G153" s="301"/>
      <c r="H153" s="301"/>
      <c r="I153" s="301"/>
    </row>
    <row r="154" spans="1:9">
      <c r="A154" s="31"/>
      <c r="B154" s="300"/>
      <c r="C154" s="301"/>
      <c r="D154" s="301"/>
      <c r="E154" s="301"/>
      <c r="F154" s="301"/>
      <c r="G154" s="301"/>
      <c r="H154" s="301"/>
      <c r="I154" s="301"/>
    </row>
    <row r="155" spans="1:9">
      <c r="A155" s="315" t="s">
        <v>72</v>
      </c>
      <c r="B155" s="34"/>
      <c r="C155" s="34"/>
      <c r="D155" s="34"/>
      <c r="E155" s="301"/>
      <c r="F155" s="301"/>
      <c r="G155" s="301"/>
      <c r="H155" s="301"/>
      <c r="I155" s="301"/>
    </row>
    <row r="156" spans="1:9">
      <c r="A156" s="31"/>
      <c r="B156" s="30"/>
      <c r="C156" s="301"/>
      <c r="D156" s="301"/>
      <c r="E156" s="301"/>
      <c r="F156" s="301"/>
      <c r="G156" s="301"/>
      <c r="H156" s="301"/>
      <c r="I156" s="301"/>
    </row>
    <row r="157" spans="1:9">
      <c r="A157" s="25">
        <v>8</v>
      </c>
      <c r="B157" s="314" t="s">
        <v>21</v>
      </c>
      <c r="C157" s="301"/>
      <c r="D157" s="301"/>
      <c r="E157" s="301"/>
      <c r="F157" s="301"/>
      <c r="G157" s="301"/>
      <c r="H157" s="301"/>
      <c r="I157" s="301"/>
    </row>
    <row r="158" spans="1:9">
      <c r="A158" s="31"/>
      <c r="B158" s="327" t="s">
        <v>33</v>
      </c>
      <c r="C158" s="328"/>
      <c r="D158" s="328"/>
      <c r="E158" s="301"/>
      <c r="F158" s="301"/>
      <c r="G158" s="301"/>
      <c r="H158" s="301"/>
      <c r="I158" s="301"/>
    </row>
    <row r="159" spans="1:9">
      <c r="A159" s="31"/>
      <c r="B159" s="327"/>
      <c r="C159" s="328"/>
      <c r="D159" s="328"/>
      <c r="E159" s="301"/>
      <c r="F159" s="301"/>
      <c r="G159" s="301"/>
      <c r="H159" s="301"/>
      <c r="I159" s="301"/>
    </row>
    <row r="160" spans="1:9">
      <c r="A160" s="22">
        <v>8</v>
      </c>
      <c r="B160" s="313" t="s">
        <v>73</v>
      </c>
      <c r="C160" s="301"/>
      <c r="D160" s="301"/>
      <c r="E160" s="301"/>
      <c r="F160" s="301"/>
      <c r="G160" s="301"/>
      <c r="H160" s="301"/>
      <c r="I160" s="301"/>
    </row>
    <row r="161" spans="1:9">
      <c r="A161" s="22"/>
      <c r="B161" s="25" t="s">
        <v>299</v>
      </c>
      <c r="C161" s="301"/>
      <c r="D161" s="301"/>
      <c r="E161" s="301"/>
      <c r="F161" s="301"/>
      <c r="G161" s="301"/>
      <c r="H161" s="301"/>
      <c r="I161" s="301"/>
    </row>
    <row r="162" spans="1:9">
      <c r="A162" s="22"/>
      <c r="B162" s="301"/>
      <c r="C162" s="301"/>
      <c r="D162" s="301"/>
      <c r="E162" s="301"/>
      <c r="F162" s="301"/>
      <c r="G162" s="301"/>
      <c r="H162" s="301"/>
      <c r="I162" s="301"/>
    </row>
    <row r="163" spans="1:9">
      <c r="A163" s="22"/>
      <c r="B163" s="301"/>
      <c r="C163" s="301"/>
      <c r="D163" s="301"/>
      <c r="E163" s="301"/>
      <c r="F163" s="301"/>
      <c r="G163" s="301"/>
      <c r="H163" s="301"/>
      <c r="I163" s="301"/>
    </row>
  </sheetData>
  <mergeCells count="31">
    <mergeCell ref="B104:D104"/>
    <mergeCell ref="B69:D69"/>
    <mergeCell ref="B84:D84"/>
    <mergeCell ref="B70:D70"/>
    <mergeCell ref="B63:E63"/>
    <mergeCell ref="B92:D92"/>
    <mergeCell ref="B83:D83"/>
    <mergeCell ref="B91:D91"/>
    <mergeCell ref="B64:E64"/>
    <mergeCell ref="B59:C59"/>
    <mergeCell ref="B97:D97"/>
    <mergeCell ref="B98:D98"/>
    <mergeCell ref="B77:D77"/>
    <mergeCell ref="B60:E60"/>
    <mergeCell ref="A1:D1"/>
    <mergeCell ref="B22:G22"/>
    <mergeCell ref="B8:F8"/>
    <mergeCell ref="B55:D55"/>
    <mergeCell ref="B56:D56"/>
    <mergeCell ref="B38:E38"/>
    <mergeCell ref="B11:D11"/>
    <mergeCell ref="B25:G25"/>
    <mergeCell ref="A33:C33"/>
    <mergeCell ref="B47:C47"/>
    <mergeCell ref="B159:D159"/>
    <mergeCell ref="B115:D115"/>
    <mergeCell ref="B106:D106"/>
    <mergeCell ref="B114:D114"/>
    <mergeCell ref="B150:D150"/>
    <mergeCell ref="B158:D158"/>
    <mergeCell ref="B138:D138"/>
  </mergeCells>
  <hyperlinks>
    <hyperlink ref="A37:B37" location="'02'!A29" display="'02'!A29"/>
    <hyperlink ref="A46:B46" location="'02'!A42" display="'02'!A42"/>
    <hyperlink ref="A62:B62" location="'02'!A55" display="'02'!A55"/>
    <hyperlink ref="A68:B68" location="'02'!A68" display="'02'!A68"/>
    <hyperlink ref="B21" location="'2 CommunityWellbeing'!A3" display="Community Wellbeing Index"/>
    <hyperlink ref="B7" location="'1 IndividualWellbeing'!A3" display="Global Life Satisfaction"/>
    <hyperlink ref="B54" location="'4 HumanCapital'!A3" display="General health"/>
    <hyperlink ref="B58" location="'4 HumanCapital'!A22" display="K10 psychological distress"/>
    <hyperlink ref="B37" location="'3 FinancialCapital'!A3" display="Household financial wellbeing"/>
    <hyperlink ref="B46" location="'3 FinancialCapital'!A60" display="Community economic wellbeing"/>
    <hyperlink ref="B62" location="'4 HumanCapital'!A41" display="Self-efficacy"/>
    <hyperlink ref="B68" location="'4 HumanCapital'!A79" display="Community leadership and collaboration"/>
    <hyperlink ref="A76:B76" location="'02'!A68" display="'02'!A68"/>
    <hyperlink ref="B76" location="'5 InstitutionalCapital'!A3" display="Having a say and being heard"/>
    <hyperlink ref="A82:B82" location="'02'!A68" display="'02'!A68"/>
    <hyperlink ref="B82" location="'5 InstitutionalCapital'!A41" display="Equity and inclusion"/>
    <hyperlink ref="A90:B90" location="'02'!A68" display="'02'!A68"/>
    <hyperlink ref="B90" location="'6 SocialCapital'!A3" display="Spending time with friends and family"/>
    <hyperlink ref="A96:B96" location="'02'!A68" display="'02'!A68"/>
    <hyperlink ref="B96" location="'6 SocialCapital'!A41" display="Getting involved "/>
    <hyperlink ref="B105" location="'6 SocialCapital'!A98" display="Sense of belonging"/>
    <hyperlink ref="A113:B113" location="'02'!A68" display="'02'!A68"/>
    <hyperlink ref="B113" location="'7 PhysicalCapital'!A3" display="Access to health, education, aged care and child care "/>
    <hyperlink ref="B137" location="'7 PhysicalCapital'!A155" display="Access to telecommunications"/>
    <hyperlink ref="B143" location="'7 PhysicalCapital'!A193" display="Crime and safety in the local community"/>
    <hyperlink ref="B149" location="'7 PhysicalCapital'!A231" display="Landscape and aesthetics"/>
    <hyperlink ref="B157" location="'8 NaturalCapital'!A3" display="Perceived environmental health"/>
    <hyperlink ref="B10" location="'1 IndividualWellbeing'!A22" display="Personal Wellbeing Index"/>
    <hyperlink ref="B24" location="'2 CommunityWellbeing'!A22" display="Community wellbeing measures"/>
    <hyperlink ref="B13" location="'1 IndividualWellbeing'!A41" display="Personal wellbeing domains"/>
    <hyperlink ref="B16" location="'1 IndividualWellbeing'!A60" display="Feeling life is worthwhile"/>
    <hyperlink ref="B27" location="'2 CommunityWellbeing'!A41" display="Changes in liveability"/>
    <hyperlink ref="B30" location="'2 CommunityWellbeing'!A60" display="Community reputation"/>
    <hyperlink ref="A5" location="'1 IndividualWellbeing'!A1" display="Wellbeing of people"/>
    <hyperlink ref="A19" location="'2 CommunityWellbeing'!A1" display="Wellbeing of communities"/>
    <hyperlink ref="A35" location="'3 FinancialCapital'!A1" display="Financial capital"/>
    <hyperlink ref="A52" location="'4 HumanCapital'!A1" display="Human capital"/>
    <hyperlink ref="B40" location="'3 FinancialCapital'!A22" display="Household financial measures"/>
    <hyperlink ref="B43" location="'3 FinancialCapital'!A41" display="Financial distress"/>
    <hyperlink ref="B49" location="'3 FinancialCapital'!A79" display="Community economic measures"/>
    <hyperlink ref="B65" location="'4 HumanCapital'!A60" display="Self-efficacy measures"/>
    <hyperlink ref="B71" location="'4 HumanCapital'!A98" display="Community leadership and collaboration measures"/>
    <hyperlink ref="A74" location="'5 InstitutionalCapital'!A1" display="Institutional Capital"/>
    <hyperlink ref="B79" location="'5 InstitutionalCapital'!A22" display="Having a say and being heard measures"/>
    <hyperlink ref="B85" location="'5 InstitutionalCapital'!A60" display="Equity and inclusion measures"/>
    <hyperlink ref="A88" location="'6 SocialCapital'!A1" display="Social capital"/>
    <hyperlink ref="B93" location="'6 SocialCapital'!A22" display="Spending time with friends and family measures"/>
    <hyperlink ref="B99" location="'6 SocialCapital'!A60" display="Getting involved measures"/>
    <hyperlink ref="B102" location="'6 SocialCapital'!A79" display="Volunteering"/>
    <hyperlink ref="B108" location="'6 SocialCapital'!A117" display="Sense of belonging measures"/>
    <hyperlink ref="A111" location="'7 PhysicalCapital'!A1" display="Physical capital"/>
    <hyperlink ref="B116" location="'7 PhysicalCapital'!A22" display="Access to health, education, aged care and child care measures"/>
    <hyperlink ref="B119" location="'7 PhysicalCapital'!A41" display="Access to roads and public transport "/>
    <hyperlink ref="B122" location="'7 PhysicalCapital'!A60" display="Access to roads and public transport measures"/>
    <hyperlink ref="B125" location="'7 PhysicalCapital'!A79" display="Access to food and retail shops"/>
    <hyperlink ref="B128" location="'7 PhysicalCapital'!A98" display="Access to food and retail shops measures"/>
    <hyperlink ref="B131" location="'7 PhysicalCapital'!A117" display="Access to financial and professional services"/>
    <hyperlink ref="B134" location="'7 PhysicalCapital'!A136" display="Access to financial and professional services measures"/>
    <hyperlink ref="B140" location="'7 PhysicalCapital'!A174" display="Access to telecommunications measures"/>
    <hyperlink ref="B146" location="'7 PhysicalCapital'!A212" display="Crime and safety in the local community measures"/>
    <hyperlink ref="B152" location="'7 PhysicalCapital'!A250" display="Landscape and aesthetics measures"/>
    <hyperlink ref="A155" location="'8 NaturalCapital'!A1" display="Natural capital"/>
    <hyperlink ref="B160" location="'8 NaturalCapital'!A22" display="Percieved environmental health measures"/>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77"/>
  <sheetViews>
    <sheetView zoomScale="90" zoomScaleNormal="90" zoomScalePageLayoutView="75" workbookViewId="0">
      <selection activeCell="A22" sqref="A22:D22"/>
    </sheetView>
  </sheetViews>
  <sheetFormatPr defaultColWidth="20.28515625" defaultRowHeight="15"/>
  <cols>
    <col min="1" max="1" width="33.7109375" style="1" customWidth="1"/>
    <col min="2" max="4" width="20.28515625" style="1" customWidth="1"/>
    <col min="5" max="6" width="20.28515625" style="5" customWidth="1"/>
    <col min="7" max="16384" width="20.28515625" style="1"/>
  </cols>
  <sheetData>
    <row r="1" spans="1:4" ht="31.5">
      <c r="A1" s="33" t="s">
        <v>82</v>
      </c>
    </row>
    <row r="3" spans="1:4" ht="18.75">
      <c r="A3" s="331" t="s">
        <v>111</v>
      </c>
      <c r="B3" s="331"/>
      <c r="C3" s="331"/>
      <c r="D3" s="331"/>
    </row>
    <row r="4" spans="1:4" ht="63" customHeight="1">
      <c r="A4" s="332" t="s">
        <v>112</v>
      </c>
      <c r="B4" s="332"/>
      <c r="C4" s="332"/>
      <c r="D4" s="332"/>
    </row>
    <row r="5" spans="1:4" ht="33" customHeight="1">
      <c r="A5" s="333" t="s">
        <v>113</v>
      </c>
      <c r="B5" s="333"/>
      <c r="C5" s="333"/>
      <c r="D5" s="333"/>
    </row>
    <row r="6" spans="1:4" ht="45" customHeight="1">
      <c r="A6" s="37" t="s">
        <v>114</v>
      </c>
      <c r="B6" s="38" t="s">
        <v>115</v>
      </c>
      <c r="C6" s="39" t="s">
        <v>116</v>
      </c>
      <c r="D6" s="40" t="s">
        <v>117</v>
      </c>
    </row>
    <row r="7" spans="1:4" ht="60">
      <c r="A7" s="41"/>
      <c r="B7" s="42" t="s">
        <v>118</v>
      </c>
      <c r="C7" s="43" t="s">
        <v>119</v>
      </c>
      <c r="D7" s="44" t="s">
        <v>120</v>
      </c>
    </row>
    <row r="8" spans="1:4">
      <c r="A8" s="45" t="s">
        <v>449</v>
      </c>
      <c r="B8" s="46">
        <v>12259</v>
      </c>
      <c r="C8" s="47">
        <v>73.714322241801</v>
      </c>
      <c r="D8" s="48">
        <v>0.58191453775748414</v>
      </c>
    </row>
    <row r="9" spans="1:4">
      <c r="A9" s="49" t="s">
        <v>450</v>
      </c>
      <c r="B9" s="50">
        <v>3466</v>
      </c>
      <c r="C9" s="51">
        <v>73.539610655707094</v>
      </c>
      <c r="D9" s="52">
        <v>1.0665262453850346</v>
      </c>
    </row>
    <row r="10" spans="1:4">
      <c r="A10" s="53" t="s">
        <v>451</v>
      </c>
      <c r="B10" s="54">
        <v>284</v>
      </c>
      <c r="C10" s="55">
        <v>74.339771125271909</v>
      </c>
      <c r="D10" s="56">
        <v>2.8340961412768806</v>
      </c>
    </row>
    <row r="11" spans="1:4">
      <c r="A11" s="49" t="s">
        <v>452</v>
      </c>
      <c r="B11" s="50">
        <v>179</v>
      </c>
      <c r="C11" s="51">
        <v>72.862695658434404</v>
      </c>
      <c r="D11" s="52">
        <v>3.2724533835964387</v>
      </c>
    </row>
    <row r="12" spans="1:4">
      <c r="A12" s="57" t="s">
        <v>453</v>
      </c>
      <c r="B12" s="46">
        <v>358</v>
      </c>
      <c r="C12" s="47">
        <v>75.143379659617878</v>
      </c>
      <c r="D12" s="48">
        <v>3.4847097057990162</v>
      </c>
    </row>
    <row r="13" spans="1:4">
      <c r="A13" s="49" t="s">
        <v>454</v>
      </c>
      <c r="B13" s="50">
        <v>720</v>
      </c>
      <c r="C13" s="51">
        <v>73.158588081512747</v>
      </c>
      <c r="D13" s="52">
        <v>2.4983861291798526</v>
      </c>
    </row>
    <row r="14" spans="1:4">
      <c r="A14" s="57" t="s">
        <v>455</v>
      </c>
      <c r="B14" s="46">
        <v>221</v>
      </c>
      <c r="C14" s="47">
        <v>69.774444208017613</v>
      </c>
      <c r="D14" s="48">
        <v>4.6788682902036083</v>
      </c>
    </row>
    <row r="15" spans="1:4">
      <c r="A15" s="49" t="s">
        <v>456</v>
      </c>
      <c r="B15" s="50">
        <v>677</v>
      </c>
      <c r="C15" s="51">
        <v>74.305122425462685</v>
      </c>
      <c r="D15" s="52">
        <v>2.2393236739309241</v>
      </c>
    </row>
    <row r="16" spans="1:4">
      <c r="A16" s="57" t="s">
        <v>457</v>
      </c>
      <c r="B16" s="46">
        <v>208</v>
      </c>
      <c r="C16" s="47">
        <v>76.110332736310966</v>
      </c>
      <c r="D16" s="48">
        <v>5.223247002909126</v>
      </c>
    </row>
    <row r="17" spans="1:4">
      <c r="A17" s="49" t="s">
        <v>458</v>
      </c>
      <c r="B17" s="50">
        <v>302</v>
      </c>
      <c r="C17" s="51">
        <v>72.677638802220471</v>
      </c>
      <c r="D17" s="52">
        <v>4.2220007293929651</v>
      </c>
    </row>
    <row r="18" spans="1:4" s="5" customFormat="1">
      <c r="A18" s="57" t="s">
        <v>459</v>
      </c>
      <c r="B18" s="46">
        <v>464</v>
      </c>
      <c r="C18" s="47">
        <v>72.458712900541698</v>
      </c>
      <c r="D18" s="48">
        <v>2.966024393075708</v>
      </c>
    </row>
    <row r="19" spans="1:4" s="5" customFormat="1">
      <c r="A19" s="49" t="s">
        <v>460</v>
      </c>
      <c r="B19" s="50">
        <v>167</v>
      </c>
      <c r="C19" s="51">
        <v>74.695322557157638</v>
      </c>
      <c r="D19" s="52">
        <v>3.8763746558827705</v>
      </c>
    </row>
    <row r="20" spans="1:4">
      <c r="A20" s="5"/>
      <c r="B20" s="5"/>
      <c r="C20" s="5"/>
      <c r="D20" s="5"/>
    </row>
    <row r="22" spans="1:4" ht="18.75">
      <c r="A22" s="331" t="s">
        <v>10</v>
      </c>
      <c r="B22" s="331"/>
      <c r="C22" s="331"/>
      <c r="D22" s="331"/>
    </row>
    <row r="23" spans="1:4" ht="115.5" customHeight="1">
      <c r="A23" s="334" t="s">
        <v>121</v>
      </c>
      <c r="B23" s="332"/>
      <c r="C23" s="332"/>
      <c r="D23" s="332"/>
    </row>
    <row r="24" spans="1:4" ht="39.75" customHeight="1">
      <c r="A24" s="333" t="s">
        <v>122</v>
      </c>
      <c r="B24" s="333"/>
      <c r="C24" s="333"/>
      <c r="D24" s="333"/>
    </row>
    <row r="25" spans="1:4" ht="45" customHeight="1">
      <c r="A25" s="37" t="s">
        <v>114</v>
      </c>
      <c r="B25" s="38" t="s">
        <v>115</v>
      </c>
      <c r="C25" s="39" t="s">
        <v>116</v>
      </c>
      <c r="D25" s="40" t="s">
        <v>117</v>
      </c>
    </row>
    <row r="26" spans="1:4" ht="60">
      <c r="A26" s="41"/>
      <c r="B26" s="42" t="s">
        <v>118</v>
      </c>
      <c r="C26" s="43" t="s">
        <v>119</v>
      </c>
      <c r="D26" s="44" t="s">
        <v>120</v>
      </c>
    </row>
    <row r="27" spans="1:4">
      <c r="A27" s="45" t="s">
        <v>449</v>
      </c>
      <c r="B27" s="58">
        <v>12188</v>
      </c>
      <c r="C27" s="59">
        <v>72.256563278738312</v>
      </c>
      <c r="D27" s="60">
        <v>0.53481012539216977</v>
      </c>
    </row>
    <row r="28" spans="1:4">
      <c r="A28" s="49" t="s">
        <v>450</v>
      </c>
      <c r="B28" s="61">
        <v>3445</v>
      </c>
      <c r="C28" s="62">
        <v>71.865676462303668</v>
      </c>
      <c r="D28" s="63">
        <v>0.98550298205289266</v>
      </c>
    </row>
    <row r="29" spans="1:4">
      <c r="A29" s="53" t="s">
        <v>451</v>
      </c>
      <c r="B29" s="54">
        <v>283</v>
      </c>
      <c r="C29" s="55">
        <v>74.396526200555229</v>
      </c>
      <c r="D29" s="56">
        <v>2.8789508763911584</v>
      </c>
    </row>
    <row r="30" spans="1:4">
      <c r="A30" s="49" t="s">
        <v>452</v>
      </c>
      <c r="B30" s="61">
        <v>178</v>
      </c>
      <c r="C30" s="62">
        <v>71.611168513259642</v>
      </c>
      <c r="D30" s="63">
        <v>3.3770492036775579</v>
      </c>
    </row>
    <row r="31" spans="1:4">
      <c r="A31" s="57" t="s">
        <v>453</v>
      </c>
      <c r="B31" s="58">
        <v>358</v>
      </c>
      <c r="C31" s="59">
        <v>74.765123118237554</v>
      </c>
      <c r="D31" s="60">
        <v>3.0278559254313677</v>
      </c>
    </row>
    <row r="32" spans="1:4">
      <c r="A32" s="49" t="s">
        <v>454</v>
      </c>
      <c r="B32" s="61">
        <v>715</v>
      </c>
      <c r="C32" s="62">
        <v>71.094259345632253</v>
      </c>
      <c r="D32" s="63">
        <v>2.2990366481302544</v>
      </c>
    </row>
    <row r="33" spans="1:22">
      <c r="A33" s="57" t="s">
        <v>455</v>
      </c>
      <c r="B33" s="58">
        <v>217</v>
      </c>
      <c r="C33" s="59">
        <v>69.394710819168154</v>
      </c>
      <c r="D33" s="60">
        <v>4.0205521500267736</v>
      </c>
    </row>
    <row r="34" spans="1:22">
      <c r="A34" s="49" t="s">
        <v>456</v>
      </c>
      <c r="B34" s="61">
        <v>677</v>
      </c>
      <c r="C34" s="62">
        <v>72.439420995997267</v>
      </c>
      <c r="D34" s="63">
        <v>2.2945672821657155</v>
      </c>
    </row>
    <row r="35" spans="1:22">
      <c r="A35" s="57" t="s">
        <v>457</v>
      </c>
      <c r="B35" s="58">
        <v>206</v>
      </c>
      <c r="C35" s="59">
        <v>75.489561626349726</v>
      </c>
      <c r="D35" s="60">
        <v>4.6092099622455578</v>
      </c>
    </row>
    <row r="36" spans="1:22">
      <c r="A36" s="49" t="s">
        <v>458</v>
      </c>
      <c r="B36" s="61">
        <v>301</v>
      </c>
      <c r="C36" s="62">
        <v>70.379441231285881</v>
      </c>
      <c r="D36" s="63">
        <v>3.3703873850050314</v>
      </c>
    </row>
    <row r="37" spans="1:22">
      <c r="A37" s="57" t="s">
        <v>459</v>
      </c>
      <c r="B37" s="58">
        <v>457</v>
      </c>
      <c r="C37" s="59">
        <v>68.96110085614464</v>
      </c>
      <c r="D37" s="60">
        <v>2.618334508731877</v>
      </c>
    </row>
    <row r="38" spans="1:22">
      <c r="A38" s="49" t="s">
        <v>460</v>
      </c>
      <c r="B38" s="61">
        <v>167</v>
      </c>
      <c r="C38" s="62">
        <v>74.255481360389794</v>
      </c>
      <c r="D38" s="63">
        <v>3.1964863901674221</v>
      </c>
    </row>
    <row r="39" spans="1:22">
      <c r="A39" s="5"/>
      <c r="B39" s="5"/>
      <c r="C39" s="5"/>
      <c r="D39" s="5"/>
    </row>
    <row r="41" spans="1:22" ht="18.75">
      <c r="A41" s="331" t="s">
        <v>36</v>
      </c>
      <c r="B41" s="331"/>
      <c r="C41" s="331"/>
      <c r="D41" s="331"/>
      <c r="E41" s="331"/>
      <c r="F41" s="331"/>
      <c r="G41" s="331"/>
      <c r="H41" s="331"/>
      <c r="I41" s="331"/>
      <c r="J41" s="331"/>
      <c r="K41" s="331"/>
      <c r="L41" s="331"/>
      <c r="M41" s="331"/>
      <c r="N41" s="331"/>
      <c r="O41" s="331"/>
      <c r="P41" s="331"/>
      <c r="Q41" s="331"/>
      <c r="R41" s="331"/>
      <c r="S41" s="331"/>
      <c r="T41" s="331"/>
      <c r="U41" s="331"/>
      <c r="V41" s="331"/>
    </row>
    <row r="42" spans="1:22" ht="70.5" customHeight="1">
      <c r="A42" s="334" t="s">
        <v>123</v>
      </c>
      <c r="B42" s="334"/>
      <c r="C42" s="334"/>
      <c r="D42" s="334"/>
      <c r="E42" s="334"/>
      <c r="F42" s="334"/>
      <c r="G42" s="334"/>
      <c r="H42" s="334"/>
      <c r="I42" s="334"/>
      <c r="J42" s="334"/>
      <c r="K42" s="334"/>
      <c r="L42" s="334"/>
      <c r="M42" s="334"/>
      <c r="N42" s="334"/>
      <c r="O42" s="334"/>
      <c r="P42" s="334"/>
      <c r="Q42" s="334"/>
      <c r="R42" s="334"/>
      <c r="S42" s="334"/>
      <c r="T42" s="334"/>
      <c r="U42" s="334"/>
      <c r="V42" s="334"/>
    </row>
    <row r="43" spans="1:22" ht="28.5" customHeight="1">
      <c r="A43" s="64" t="s">
        <v>124</v>
      </c>
      <c r="B43" s="333" t="s">
        <v>125</v>
      </c>
      <c r="C43" s="333"/>
      <c r="D43" s="333"/>
      <c r="E43" s="333" t="s">
        <v>126</v>
      </c>
      <c r="F43" s="333"/>
      <c r="G43" s="333"/>
      <c r="H43" s="333" t="s">
        <v>127</v>
      </c>
      <c r="I43" s="333"/>
      <c r="J43" s="333"/>
      <c r="K43" s="333" t="s">
        <v>128</v>
      </c>
      <c r="L43" s="333"/>
      <c r="M43" s="333"/>
      <c r="N43" s="333" t="s">
        <v>129</v>
      </c>
      <c r="O43" s="333"/>
      <c r="P43" s="333"/>
      <c r="Q43" s="333" t="s">
        <v>130</v>
      </c>
      <c r="R43" s="333"/>
      <c r="S43" s="333"/>
      <c r="T43" s="333" t="s">
        <v>131</v>
      </c>
      <c r="U43" s="333"/>
      <c r="V43" s="333"/>
    </row>
    <row r="44" spans="1:22" ht="43.5" customHeight="1">
      <c r="A44" s="37" t="s">
        <v>114</v>
      </c>
      <c r="B44" s="65" t="s">
        <v>115</v>
      </c>
      <c r="C44" s="66" t="s">
        <v>116</v>
      </c>
      <c r="D44" s="67" t="s">
        <v>117</v>
      </c>
      <c r="E44" s="38" t="s">
        <v>115</v>
      </c>
      <c r="F44" s="39" t="s">
        <v>116</v>
      </c>
      <c r="G44" s="40" t="s">
        <v>117</v>
      </c>
      <c r="H44" s="65" t="s">
        <v>115</v>
      </c>
      <c r="I44" s="66" t="s">
        <v>116</v>
      </c>
      <c r="J44" s="67" t="s">
        <v>117</v>
      </c>
      <c r="K44" s="38" t="s">
        <v>115</v>
      </c>
      <c r="L44" s="39" t="s">
        <v>116</v>
      </c>
      <c r="M44" s="40" t="s">
        <v>117</v>
      </c>
      <c r="N44" s="65" t="s">
        <v>115</v>
      </c>
      <c r="O44" s="66" t="s">
        <v>116</v>
      </c>
      <c r="P44" s="67" t="s">
        <v>117</v>
      </c>
      <c r="Q44" s="38" t="s">
        <v>115</v>
      </c>
      <c r="R44" s="39" t="s">
        <v>116</v>
      </c>
      <c r="S44" s="40" t="s">
        <v>117</v>
      </c>
      <c r="T44" s="65" t="s">
        <v>115</v>
      </c>
      <c r="U44" s="66" t="s">
        <v>116</v>
      </c>
      <c r="V44" s="67" t="s">
        <v>117</v>
      </c>
    </row>
    <row r="45" spans="1:22" ht="60">
      <c r="A45" s="41"/>
      <c r="B45" s="68" t="s">
        <v>118</v>
      </c>
      <c r="C45" s="69" t="s">
        <v>119</v>
      </c>
      <c r="D45" s="70" t="s">
        <v>120</v>
      </c>
      <c r="E45" s="42" t="s">
        <v>118</v>
      </c>
      <c r="F45" s="43" t="s">
        <v>119</v>
      </c>
      <c r="G45" s="44" t="s">
        <v>120</v>
      </c>
      <c r="H45" s="68" t="s">
        <v>118</v>
      </c>
      <c r="I45" s="69" t="s">
        <v>119</v>
      </c>
      <c r="J45" s="70" t="s">
        <v>120</v>
      </c>
      <c r="K45" s="42" t="s">
        <v>118</v>
      </c>
      <c r="L45" s="43" t="s">
        <v>119</v>
      </c>
      <c r="M45" s="44" t="s">
        <v>120</v>
      </c>
      <c r="N45" s="68" t="s">
        <v>118</v>
      </c>
      <c r="O45" s="69" t="s">
        <v>119</v>
      </c>
      <c r="P45" s="70" t="s">
        <v>120</v>
      </c>
      <c r="Q45" s="42" t="s">
        <v>118</v>
      </c>
      <c r="R45" s="43" t="s">
        <v>119</v>
      </c>
      <c r="S45" s="44" t="s">
        <v>120</v>
      </c>
      <c r="T45" s="68" t="s">
        <v>118</v>
      </c>
      <c r="U45" s="69" t="s">
        <v>119</v>
      </c>
      <c r="V45" s="70" t="s">
        <v>120</v>
      </c>
    </row>
    <row r="46" spans="1:22">
      <c r="A46" s="45" t="s">
        <v>449</v>
      </c>
      <c r="B46" s="71">
        <v>12242</v>
      </c>
      <c r="C46" s="72">
        <v>75.523599849544865</v>
      </c>
      <c r="D46" s="73">
        <v>0.61251936975383892</v>
      </c>
      <c r="E46" s="71">
        <v>12215</v>
      </c>
      <c r="F46" s="72">
        <v>68.190659147698952</v>
      </c>
      <c r="G46" s="73">
        <v>0.67376260898302398</v>
      </c>
      <c r="H46" s="71">
        <v>12171</v>
      </c>
      <c r="I46" s="72">
        <v>68.385707888180519</v>
      </c>
      <c r="J46" s="73">
        <v>0.71049423529234268</v>
      </c>
      <c r="K46" s="71">
        <v>12191</v>
      </c>
      <c r="L46" s="72">
        <v>75.324775383602415</v>
      </c>
      <c r="M46" s="73">
        <v>0.72796505359391972</v>
      </c>
      <c r="N46" s="71">
        <v>12213</v>
      </c>
      <c r="O46" s="72">
        <v>80.090995928966109</v>
      </c>
      <c r="P46" s="73">
        <v>0.6204905940304517</v>
      </c>
      <c r="Q46" s="71">
        <v>12197</v>
      </c>
      <c r="R46" s="72">
        <v>70.375710504536954</v>
      </c>
      <c r="S46" s="73">
        <v>0.72775614464511307</v>
      </c>
      <c r="T46" s="71">
        <v>12197</v>
      </c>
      <c r="U46" s="72">
        <v>67.23896223969048</v>
      </c>
      <c r="V46" s="73">
        <v>0.76011240346149478</v>
      </c>
    </row>
    <row r="47" spans="1:22">
      <c r="A47" s="49" t="s">
        <v>450</v>
      </c>
      <c r="B47" s="74">
        <v>3456</v>
      </c>
      <c r="C47" s="75">
        <v>75.894905352395327</v>
      </c>
      <c r="D47" s="76">
        <v>1.1381170295644694</v>
      </c>
      <c r="E47" s="74">
        <v>3448</v>
      </c>
      <c r="F47" s="75">
        <v>67.361985760553537</v>
      </c>
      <c r="G47" s="76">
        <v>1.2772271630690746</v>
      </c>
      <c r="H47" s="74">
        <v>3436</v>
      </c>
      <c r="I47" s="75">
        <v>68.584364580763093</v>
      </c>
      <c r="J47" s="76">
        <v>1.30401118819643</v>
      </c>
      <c r="K47" s="74">
        <v>3440</v>
      </c>
      <c r="L47" s="75">
        <v>74.947686497721676</v>
      </c>
      <c r="M47" s="76">
        <v>1.3811513994570301</v>
      </c>
      <c r="N47" s="74">
        <v>3448</v>
      </c>
      <c r="O47" s="75">
        <v>78.858973466761654</v>
      </c>
      <c r="P47" s="76">
        <v>1.2109599171505714</v>
      </c>
      <c r="Q47" s="74">
        <v>3450</v>
      </c>
      <c r="R47" s="75">
        <v>69.905183018185909</v>
      </c>
      <c r="S47" s="76">
        <v>1.3588779299341081</v>
      </c>
      <c r="T47" s="74">
        <v>3448</v>
      </c>
      <c r="U47" s="75">
        <v>66.730351764346523</v>
      </c>
      <c r="V47" s="76">
        <v>1.4522278356304685</v>
      </c>
    </row>
    <row r="48" spans="1:22">
      <c r="A48" s="53" t="s">
        <v>451</v>
      </c>
      <c r="B48" s="54">
        <v>283</v>
      </c>
      <c r="C48" s="55">
        <v>80.110494991471427</v>
      </c>
      <c r="D48" s="56">
        <v>2.8922208549071371</v>
      </c>
      <c r="E48" s="54">
        <v>283</v>
      </c>
      <c r="F48" s="55">
        <v>69.875902583081526</v>
      </c>
      <c r="G48" s="56">
        <v>3.978099142735303</v>
      </c>
      <c r="H48" s="54">
        <v>284</v>
      </c>
      <c r="I48" s="55">
        <v>69.695229035994231</v>
      </c>
      <c r="J48" s="56">
        <v>4.0857791457274484</v>
      </c>
      <c r="K48" s="54">
        <v>285</v>
      </c>
      <c r="L48" s="55">
        <v>75.688825538360419</v>
      </c>
      <c r="M48" s="56">
        <v>4.5082934128798868</v>
      </c>
      <c r="N48" s="54">
        <v>285</v>
      </c>
      <c r="O48" s="55">
        <v>80.924061168237159</v>
      </c>
      <c r="P48" s="56">
        <v>3.1657183797770028</v>
      </c>
      <c r="Q48" s="54">
        <v>285</v>
      </c>
      <c r="R48" s="55">
        <v>71.798348827789113</v>
      </c>
      <c r="S48" s="56">
        <v>4.0662032597945252</v>
      </c>
      <c r="T48" s="54">
        <v>284</v>
      </c>
      <c r="U48" s="55">
        <v>72.200205292583078</v>
      </c>
      <c r="V48" s="56">
        <v>3.6364308449396177</v>
      </c>
    </row>
    <row r="49" spans="1:22">
      <c r="A49" s="49" t="s">
        <v>452</v>
      </c>
      <c r="B49" s="74">
        <v>178</v>
      </c>
      <c r="C49" s="75">
        <v>77.138940924507267</v>
      </c>
      <c r="D49" s="76">
        <v>3.2815757364254861</v>
      </c>
      <c r="E49" s="74">
        <v>177</v>
      </c>
      <c r="F49" s="75">
        <v>66.270023983452617</v>
      </c>
      <c r="G49" s="76">
        <v>4.701192635951319</v>
      </c>
      <c r="H49" s="74">
        <v>178</v>
      </c>
      <c r="I49" s="75">
        <v>65.117833960584889</v>
      </c>
      <c r="J49" s="76">
        <v>5.3341988144921171</v>
      </c>
      <c r="K49" s="74">
        <v>178</v>
      </c>
      <c r="L49" s="75">
        <v>73.693208335057918</v>
      </c>
      <c r="M49" s="76">
        <v>5.5377360006479304</v>
      </c>
      <c r="N49" s="74">
        <v>178</v>
      </c>
      <c r="O49" s="75">
        <v>82.363587974324702</v>
      </c>
      <c r="P49" s="76">
        <v>3.4428314266325355</v>
      </c>
      <c r="Q49" s="74">
        <v>178</v>
      </c>
      <c r="R49" s="75">
        <v>71.672587416618455</v>
      </c>
      <c r="S49" s="76">
        <v>4.3548100197870721</v>
      </c>
      <c r="T49" s="74">
        <v>178</v>
      </c>
      <c r="U49" s="75">
        <v>64.954411911655484</v>
      </c>
      <c r="V49" s="76">
        <v>6.2488292170397308</v>
      </c>
    </row>
    <row r="50" spans="1:22">
      <c r="A50" s="57" t="s">
        <v>453</v>
      </c>
      <c r="B50" s="71">
        <v>357</v>
      </c>
      <c r="C50" s="72">
        <v>78.803693286781083</v>
      </c>
      <c r="D50" s="73">
        <v>3.4347448353791865</v>
      </c>
      <c r="E50" s="71">
        <v>359</v>
      </c>
      <c r="F50" s="72">
        <v>71.703993199601385</v>
      </c>
      <c r="G50" s="73">
        <v>4.1927098881191061</v>
      </c>
      <c r="H50" s="71">
        <v>357</v>
      </c>
      <c r="I50" s="72">
        <v>72.608294324763548</v>
      </c>
      <c r="J50" s="73">
        <v>3.9115694982013949</v>
      </c>
      <c r="K50" s="71">
        <v>355</v>
      </c>
      <c r="L50" s="72">
        <v>77.560159112799269</v>
      </c>
      <c r="M50" s="73">
        <v>3.9750398545640842</v>
      </c>
      <c r="N50" s="71">
        <v>356</v>
      </c>
      <c r="O50" s="72">
        <v>82.164718106754449</v>
      </c>
      <c r="P50" s="73">
        <v>2.5722819351739012</v>
      </c>
      <c r="Q50" s="71">
        <v>356</v>
      </c>
      <c r="R50" s="72">
        <v>71.196994980017578</v>
      </c>
      <c r="S50" s="73">
        <v>3.9635252573958812</v>
      </c>
      <c r="T50" s="71">
        <v>358</v>
      </c>
      <c r="U50" s="72">
        <v>69.35747319465861</v>
      </c>
      <c r="V50" s="73">
        <v>4.273365252128718</v>
      </c>
    </row>
    <row r="51" spans="1:22">
      <c r="A51" s="49" t="s">
        <v>454</v>
      </c>
      <c r="B51" s="74">
        <v>716</v>
      </c>
      <c r="C51" s="75">
        <v>75.62787890063673</v>
      </c>
      <c r="D51" s="76">
        <v>2.7071573042147001</v>
      </c>
      <c r="E51" s="74">
        <v>718</v>
      </c>
      <c r="F51" s="75">
        <v>66.797875814703133</v>
      </c>
      <c r="G51" s="76">
        <v>2.8525606884532806</v>
      </c>
      <c r="H51" s="74">
        <v>713</v>
      </c>
      <c r="I51" s="75">
        <v>68.499876614787766</v>
      </c>
      <c r="J51" s="76">
        <v>3.0186299588194743</v>
      </c>
      <c r="K51" s="74">
        <v>713</v>
      </c>
      <c r="L51" s="75">
        <v>73.95222713578346</v>
      </c>
      <c r="M51" s="76">
        <v>3.2371040520932226</v>
      </c>
      <c r="N51" s="74">
        <v>717</v>
      </c>
      <c r="O51" s="75">
        <v>76.296866641019349</v>
      </c>
      <c r="P51" s="76">
        <v>2.600115231732234</v>
      </c>
      <c r="Q51" s="74">
        <v>715</v>
      </c>
      <c r="R51" s="75">
        <v>68.744940577392271</v>
      </c>
      <c r="S51" s="76">
        <v>3.293487350084332</v>
      </c>
      <c r="T51" s="74">
        <v>716</v>
      </c>
      <c r="U51" s="75">
        <v>66.852188853797131</v>
      </c>
      <c r="V51" s="76">
        <v>3.249338494992573</v>
      </c>
    </row>
    <row r="52" spans="1:22">
      <c r="A52" s="57" t="s">
        <v>455</v>
      </c>
      <c r="B52" s="71">
        <v>220</v>
      </c>
      <c r="C52" s="72">
        <v>70.517807403532984</v>
      </c>
      <c r="D52" s="73">
        <v>5.949036401886616</v>
      </c>
      <c r="E52" s="71">
        <v>220</v>
      </c>
      <c r="F52" s="72">
        <v>68.271463841378591</v>
      </c>
      <c r="G52" s="73">
        <v>4.6526334586894169</v>
      </c>
      <c r="H52" s="71">
        <v>217</v>
      </c>
      <c r="I52" s="72">
        <v>66.519474973145776</v>
      </c>
      <c r="J52" s="73">
        <v>5.8646499014663878</v>
      </c>
      <c r="K52" s="71">
        <v>219</v>
      </c>
      <c r="L52" s="72">
        <v>71.577383198411241</v>
      </c>
      <c r="M52" s="73">
        <v>5.9976657623110263</v>
      </c>
      <c r="N52" s="71">
        <v>219</v>
      </c>
      <c r="O52" s="72">
        <v>73.378591410626683</v>
      </c>
      <c r="P52" s="73">
        <v>6.8718368976068245</v>
      </c>
      <c r="Q52" s="71">
        <v>219</v>
      </c>
      <c r="R52" s="72">
        <v>66.29703726470953</v>
      </c>
      <c r="S52" s="73">
        <v>6.7506956375682492</v>
      </c>
      <c r="T52" s="71">
        <v>217</v>
      </c>
      <c r="U52" s="72">
        <v>66.562365925235142</v>
      </c>
      <c r="V52" s="73">
        <v>5.434779292993257</v>
      </c>
    </row>
    <row r="53" spans="1:22">
      <c r="A53" s="49" t="s">
        <v>456</v>
      </c>
      <c r="B53" s="74">
        <v>677</v>
      </c>
      <c r="C53" s="75">
        <v>75.716599477024687</v>
      </c>
      <c r="D53" s="76">
        <v>2.5207311969109547</v>
      </c>
      <c r="E53" s="74">
        <v>673</v>
      </c>
      <c r="F53" s="75">
        <v>68.110001519901601</v>
      </c>
      <c r="G53" s="76">
        <v>2.8182909571019277</v>
      </c>
      <c r="H53" s="74">
        <v>674</v>
      </c>
      <c r="I53" s="75">
        <v>68.634198932219192</v>
      </c>
      <c r="J53" s="76">
        <v>2.9292111504201568</v>
      </c>
      <c r="K53" s="74">
        <v>675</v>
      </c>
      <c r="L53" s="75">
        <v>76.083857443726799</v>
      </c>
      <c r="M53" s="76">
        <v>2.8176592889767349</v>
      </c>
      <c r="N53" s="74">
        <v>675</v>
      </c>
      <c r="O53" s="75">
        <v>80.492364477848412</v>
      </c>
      <c r="P53" s="76">
        <v>2.8224067315725421</v>
      </c>
      <c r="Q53" s="74">
        <v>674</v>
      </c>
      <c r="R53" s="75">
        <v>69.443285836288055</v>
      </c>
      <c r="S53" s="76">
        <v>3.1566473706804477</v>
      </c>
      <c r="T53" s="74">
        <v>677</v>
      </c>
      <c r="U53" s="75">
        <v>68.506574788699126</v>
      </c>
      <c r="V53" s="76">
        <v>3.0168527788611765</v>
      </c>
    </row>
    <row r="54" spans="1:22">
      <c r="A54" s="57" t="s">
        <v>457</v>
      </c>
      <c r="B54" s="71">
        <v>206</v>
      </c>
      <c r="C54" s="72">
        <v>78.037156999813931</v>
      </c>
      <c r="D54" s="73">
        <v>5.2171843796105488</v>
      </c>
      <c r="E54" s="71">
        <v>205</v>
      </c>
      <c r="F54" s="72">
        <v>72.274825107492717</v>
      </c>
      <c r="G54" s="73">
        <v>5.622603514918838</v>
      </c>
      <c r="H54" s="71">
        <v>207</v>
      </c>
      <c r="I54" s="72">
        <v>69.899977551564461</v>
      </c>
      <c r="J54" s="73">
        <v>6.0838896937412734</v>
      </c>
      <c r="K54" s="71">
        <v>206</v>
      </c>
      <c r="L54" s="72">
        <v>77.258759907162343</v>
      </c>
      <c r="M54" s="73">
        <v>5.1023949553957504</v>
      </c>
      <c r="N54" s="71">
        <v>206</v>
      </c>
      <c r="O54" s="72">
        <v>84.315448809221465</v>
      </c>
      <c r="P54" s="73">
        <v>5.460829959005542</v>
      </c>
      <c r="Q54" s="71">
        <v>208</v>
      </c>
      <c r="R54" s="72">
        <v>75.361363698704636</v>
      </c>
      <c r="S54" s="73">
        <v>6.3536264392371056</v>
      </c>
      <c r="T54" s="71">
        <v>208</v>
      </c>
      <c r="U54" s="72">
        <v>71.283036559103735</v>
      </c>
      <c r="V54" s="73">
        <v>6.7520694366854617</v>
      </c>
    </row>
    <row r="55" spans="1:22">
      <c r="A55" s="49" t="s">
        <v>458</v>
      </c>
      <c r="B55" s="74">
        <v>302</v>
      </c>
      <c r="C55" s="75">
        <v>73.574660641997454</v>
      </c>
      <c r="D55" s="76">
        <v>3.7011171964871004</v>
      </c>
      <c r="E55" s="74">
        <v>303</v>
      </c>
      <c r="F55" s="75">
        <v>63.609406075603303</v>
      </c>
      <c r="G55" s="76">
        <v>4.9704650901603475</v>
      </c>
      <c r="H55" s="74">
        <v>299</v>
      </c>
      <c r="I55" s="75">
        <v>68.782717951645452</v>
      </c>
      <c r="J55" s="76">
        <v>4.7349600852508456</v>
      </c>
      <c r="K55" s="74">
        <v>301</v>
      </c>
      <c r="L55" s="75">
        <v>72.415928240191477</v>
      </c>
      <c r="M55" s="76">
        <v>5.4781164353698752</v>
      </c>
      <c r="N55" s="74">
        <v>300</v>
      </c>
      <c r="O55" s="75">
        <v>79.670318579222041</v>
      </c>
      <c r="P55" s="76">
        <v>4.5831223460209358</v>
      </c>
      <c r="Q55" s="74">
        <v>303</v>
      </c>
      <c r="R55" s="75">
        <v>70.101852068473661</v>
      </c>
      <c r="S55" s="76">
        <v>4.3509766315772413</v>
      </c>
      <c r="T55" s="74">
        <v>301</v>
      </c>
      <c r="U55" s="75">
        <v>64.116367653058361</v>
      </c>
      <c r="V55" s="76">
        <v>5.3934256439201178</v>
      </c>
    </row>
    <row r="56" spans="1:22" s="5" customFormat="1">
      <c r="A56" s="57" t="s">
        <v>459</v>
      </c>
      <c r="B56" s="71">
        <v>463</v>
      </c>
      <c r="C56" s="72">
        <v>73.323290544666321</v>
      </c>
      <c r="D56" s="73">
        <v>3.211238297494905</v>
      </c>
      <c r="E56" s="71">
        <v>460</v>
      </c>
      <c r="F56" s="72">
        <v>63.942024126486594</v>
      </c>
      <c r="G56" s="73">
        <v>3.2612824086257763</v>
      </c>
      <c r="H56" s="71">
        <v>456</v>
      </c>
      <c r="I56" s="72">
        <v>66.621506845003623</v>
      </c>
      <c r="J56" s="73">
        <v>3.3362635398455165</v>
      </c>
      <c r="K56" s="71">
        <v>456</v>
      </c>
      <c r="L56" s="72">
        <v>74.688021899624999</v>
      </c>
      <c r="M56" s="73">
        <v>3.7776712956840353</v>
      </c>
      <c r="N56" s="71">
        <v>457</v>
      </c>
      <c r="O56" s="72">
        <v>74.065449800260097</v>
      </c>
      <c r="P56" s="73">
        <v>3.5283698727149737</v>
      </c>
      <c r="Q56" s="71">
        <v>459</v>
      </c>
      <c r="R56" s="72">
        <v>68.381280926259308</v>
      </c>
      <c r="S56" s="73">
        <v>3.6211229369405995</v>
      </c>
      <c r="T56" s="71">
        <v>456</v>
      </c>
      <c r="U56" s="72">
        <v>59.565914400250008</v>
      </c>
      <c r="V56" s="73">
        <v>4.2861586673393326</v>
      </c>
    </row>
    <row r="57" spans="1:22" s="5" customFormat="1">
      <c r="A57" s="49" t="s">
        <v>460</v>
      </c>
      <c r="B57" s="74">
        <v>167</v>
      </c>
      <c r="C57" s="75">
        <v>78.716019278709851</v>
      </c>
      <c r="D57" s="76">
        <v>4.4321635896318501</v>
      </c>
      <c r="E57" s="74">
        <v>164</v>
      </c>
      <c r="F57" s="75">
        <v>67.04091540432151</v>
      </c>
      <c r="G57" s="76">
        <v>4.853903213712023</v>
      </c>
      <c r="H57" s="74">
        <v>166</v>
      </c>
      <c r="I57" s="75">
        <v>69.622746075081309</v>
      </c>
      <c r="J57" s="76">
        <v>4.5193720217102751</v>
      </c>
      <c r="K57" s="74">
        <v>166</v>
      </c>
      <c r="L57" s="75">
        <v>75.097359697202975</v>
      </c>
      <c r="M57" s="76">
        <v>6.0621931184009803</v>
      </c>
      <c r="N57" s="74">
        <v>167</v>
      </c>
      <c r="O57" s="75">
        <v>85.526712925896916</v>
      </c>
      <c r="P57" s="76">
        <v>3.9455918104500576</v>
      </c>
      <c r="Q57" s="74">
        <v>167</v>
      </c>
      <c r="R57" s="75">
        <v>71.035439797807598</v>
      </c>
      <c r="S57" s="76">
        <v>5.6344231849455007</v>
      </c>
      <c r="T57" s="74">
        <v>167</v>
      </c>
      <c r="U57" s="75">
        <v>72.796969343162885</v>
      </c>
      <c r="V57" s="76">
        <v>4.6534281883300466</v>
      </c>
    </row>
    <row r="58" spans="1:22">
      <c r="A58" s="5"/>
      <c r="B58" s="5"/>
      <c r="C58" s="5"/>
      <c r="D58" s="5"/>
      <c r="G58" s="5"/>
      <c r="H58" s="5"/>
      <c r="I58" s="5"/>
      <c r="J58" s="5"/>
      <c r="K58" s="5"/>
      <c r="L58" s="5"/>
      <c r="M58" s="5"/>
      <c r="N58" s="5"/>
      <c r="O58" s="5"/>
      <c r="P58" s="5"/>
      <c r="Q58" s="5"/>
      <c r="R58" s="5"/>
      <c r="S58" s="5"/>
      <c r="T58" s="5"/>
      <c r="U58" s="5"/>
      <c r="V58" s="5"/>
    </row>
    <row r="60" spans="1:22" ht="18.75">
      <c r="A60" s="331" t="s">
        <v>37</v>
      </c>
      <c r="B60" s="331"/>
      <c r="C60" s="331"/>
      <c r="D60" s="331"/>
    </row>
    <row r="61" spans="1:22" ht="76.5" customHeight="1">
      <c r="A61" s="332" t="s">
        <v>343</v>
      </c>
      <c r="B61" s="332"/>
      <c r="C61" s="332"/>
      <c r="D61" s="332"/>
    </row>
    <row r="62" spans="1:22" ht="33" customHeight="1">
      <c r="A62" s="333" t="s">
        <v>132</v>
      </c>
      <c r="B62" s="333"/>
      <c r="C62" s="333"/>
      <c r="D62" s="333"/>
    </row>
    <row r="63" spans="1:22" ht="42" customHeight="1">
      <c r="A63" s="37" t="s">
        <v>114</v>
      </c>
      <c r="B63" s="38" t="s">
        <v>115</v>
      </c>
      <c r="C63" s="39" t="s">
        <v>116</v>
      </c>
      <c r="D63" s="40" t="s">
        <v>117</v>
      </c>
    </row>
    <row r="64" spans="1:22" ht="60">
      <c r="A64" s="41"/>
      <c r="B64" s="42" t="s">
        <v>118</v>
      </c>
      <c r="C64" s="43" t="s">
        <v>344</v>
      </c>
      <c r="D64" s="44" t="s">
        <v>120</v>
      </c>
    </row>
    <row r="65" spans="1:4">
      <c r="A65" s="45" t="s">
        <v>449</v>
      </c>
      <c r="B65" s="77">
        <v>11775</v>
      </c>
      <c r="C65" s="78">
        <v>76.490545672644345</v>
      </c>
      <c r="D65" s="79">
        <v>0.63857776644233866</v>
      </c>
    </row>
    <row r="66" spans="1:4">
      <c r="A66" s="49" t="s">
        <v>450</v>
      </c>
      <c r="B66" s="80">
        <v>3324</v>
      </c>
      <c r="C66" s="81">
        <v>76.428361317788244</v>
      </c>
      <c r="D66" s="82">
        <v>1.1110105122972413</v>
      </c>
    </row>
    <row r="67" spans="1:4">
      <c r="A67" s="53" t="s">
        <v>451</v>
      </c>
      <c r="B67" s="83">
        <v>275</v>
      </c>
      <c r="C67" s="84">
        <v>77.740276058616075</v>
      </c>
      <c r="D67" s="85">
        <v>3.2398786618707653</v>
      </c>
    </row>
    <row r="68" spans="1:4">
      <c r="A68" s="49" t="s">
        <v>452</v>
      </c>
      <c r="B68" s="80">
        <v>173</v>
      </c>
      <c r="C68" s="81">
        <v>73.858769226022702</v>
      </c>
      <c r="D68" s="82">
        <v>4.0062878530798862</v>
      </c>
    </row>
    <row r="69" spans="1:4">
      <c r="A69" s="57" t="s">
        <v>453</v>
      </c>
      <c r="B69" s="77">
        <v>346</v>
      </c>
      <c r="C69" s="78">
        <v>77.700920762416033</v>
      </c>
      <c r="D69" s="79">
        <v>3.3152400315077113</v>
      </c>
    </row>
    <row r="70" spans="1:4">
      <c r="A70" s="49" t="s">
        <v>454</v>
      </c>
      <c r="B70" s="80">
        <v>693</v>
      </c>
      <c r="C70" s="81">
        <v>76.634479947528803</v>
      </c>
      <c r="D70" s="82">
        <v>2.4146036778212387</v>
      </c>
    </row>
    <row r="71" spans="1:4">
      <c r="A71" s="57" t="s">
        <v>455</v>
      </c>
      <c r="B71" s="77">
        <v>213</v>
      </c>
      <c r="C71" s="78">
        <v>72.370462383683972</v>
      </c>
      <c r="D71" s="79">
        <v>5.3677399368310486</v>
      </c>
    </row>
    <row r="72" spans="1:4">
      <c r="A72" s="49" t="s">
        <v>456</v>
      </c>
      <c r="B72" s="80">
        <v>652</v>
      </c>
      <c r="C72" s="81">
        <v>77.720062693922287</v>
      </c>
      <c r="D72" s="82">
        <v>2.3877442743020527</v>
      </c>
    </row>
    <row r="73" spans="1:4">
      <c r="A73" s="57" t="s">
        <v>457</v>
      </c>
      <c r="B73" s="77">
        <v>197</v>
      </c>
      <c r="C73" s="78">
        <v>80.746565027908645</v>
      </c>
      <c r="D73" s="79">
        <v>4.5878205957223717</v>
      </c>
    </row>
    <row r="74" spans="1:4">
      <c r="A74" s="49" t="s">
        <v>458</v>
      </c>
      <c r="B74" s="80">
        <v>291</v>
      </c>
      <c r="C74" s="81">
        <v>76.018745435566643</v>
      </c>
      <c r="D74" s="82">
        <v>4.5241869151845027</v>
      </c>
    </row>
    <row r="75" spans="1:4">
      <c r="A75" s="57" t="s">
        <v>459</v>
      </c>
      <c r="B75" s="77">
        <v>436</v>
      </c>
      <c r="C75" s="78">
        <v>74.103894413573087</v>
      </c>
      <c r="D75" s="79">
        <v>3.1046334582479762</v>
      </c>
    </row>
    <row r="76" spans="1:4">
      <c r="A76" s="49" t="s">
        <v>460</v>
      </c>
      <c r="B76" s="80">
        <v>160</v>
      </c>
      <c r="C76" s="81">
        <v>77.400845580342718</v>
      </c>
      <c r="D76" s="82">
        <v>3.9675494476579498</v>
      </c>
    </row>
    <row r="77" spans="1:4">
      <c r="A77" s="5"/>
      <c r="B77" s="5"/>
      <c r="C77" s="5"/>
      <c r="D77" s="5"/>
    </row>
  </sheetData>
  <mergeCells count="18">
    <mergeCell ref="A24:D24"/>
    <mergeCell ref="A3:D3"/>
    <mergeCell ref="A4:D4"/>
    <mergeCell ref="A5:D5"/>
    <mergeCell ref="A22:D22"/>
    <mergeCell ref="A23:D23"/>
    <mergeCell ref="A60:D60"/>
    <mergeCell ref="A61:D61"/>
    <mergeCell ref="A62:D62"/>
    <mergeCell ref="A41:V41"/>
    <mergeCell ref="A42:V42"/>
    <mergeCell ref="B43:D43"/>
    <mergeCell ref="E43:G43"/>
    <mergeCell ref="H43:J43"/>
    <mergeCell ref="K43:M43"/>
    <mergeCell ref="N43:P43"/>
    <mergeCell ref="Q43:S43"/>
    <mergeCell ref="T43:V43"/>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K76"/>
  <sheetViews>
    <sheetView topLeftCell="A64" zoomScaleNormal="100" workbookViewId="0">
      <selection activeCell="B67" sqref="B67"/>
    </sheetView>
  </sheetViews>
  <sheetFormatPr defaultColWidth="18" defaultRowHeight="15"/>
  <cols>
    <col min="1" max="1" width="30.42578125" style="5" customWidth="1"/>
    <col min="2" max="4" width="19.42578125" style="5" customWidth="1"/>
    <col min="5" max="8" width="18" style="5"/>
    <col min="9" max="9" width="29.7109375" style="5" customWidth="1"/>
    <col min="10" max="16384" width="18" style="5"/>
  </cols>
  <sheetData>
    <row r="1" spans="1:4" ht="28.5">
      <c r="A1" s="36" t="s">
        <v>83</v>
      </c>
    </row>
    <row r="3" spans="1:4" ht="18.75">
      <c r="A3" s="331" t="s">
        <v>11</v>
      </c>
      <c r="B3" s="331"/>
      <c r="C3" s="331"/>
      <c r="D3" s="331"/>
    </row>
    <row r="4" spans="1:4" ht="120" customHeight="1">
      <c r="A4" s="332" t="s">
        <v>133</v>
      </c>
      <c r="B4" s="332"/>
      <c r="C4" s="332"/>
      <c r="D4" s="332"/>
    </row>
    <row r="5" spans="1:4" ht="33" customHeight="1">
      <c r="A5" s="333" t="s">
        <v>134</v>
      </c>
      <c r="B5" s="333"/>
      <c r="C5" s="333"/>
      <c r="D5" s="333"/>
    </row>
    <row r="6" spans="1:4" ht="39" customHeight="1">
      <c r="A6" s="37" t="s">
        <v>114</v>
      </c>
      <c r="B6" s="38" t="s">
        <v>115</v>
      </c>
      <c r="C6" s="39" t="s">
        <v>116</v>
      </c>
      <c r="D6" s="40" t="s">
        <v>117</v>
      </c>
    </row>
    <row r="7" spans="1:4" ht="61.5" customHeight="1">
      <c r="A7" s="41"/>
      <c r="B7" s="42" t="s">
        <v>118</v>
      </c>
      <c r="C7" s="43" t="s">
        <v>135</v>
      </c>
      <c r="D7" s="44" t="s">
        <v>120</v>
      </c>
    </row>
    <row r="8" spans="1:4">
      <c r="A8" s="45" t="s">
        <v>449</v>
      </c>
      <c r="B8" s="86">
        <v>12683</v>
      </c>
      <c r="C8" s="87">
        <v>5.5190485968402259</v>
      </c>
      <c r="D8" s="88">
        <v>3.3524356393148658E-2</v>
      </c>
    </row>
    <row r="9" spans="1:4">
      <c r="A9" s="49" t="s">
        <v>450</v>
      </c>
      <c r="B9" s="89">
        <v>3463</v>
      </c>
      <c r="C9" s="90">
        <v>5.3865734602868152</v>
      </c>
      <c r="D9" s="91">
        <v>6.7817415120963176E-2</v>
      </c>
    </row>
    <row r="10" spans="1:4">
      <c r="A10" s="53" t="s">
        <v>451</v>
      </c>
      <c r="B10" s="83">
        <v>280</v>
      </c>
      <c r="C10" s="84">
        <v>5.547918398089192</v>
      </c>
      <c r="D10" s="85">
        <v>0.19363029950243682</v>
      </c>
    </row>
    <row r="11" spans="1:4">
      <c r="A11" s="49" t="s">
        <v>452</v>
      </c>
      <c r="B11" s="89">
        <v>179</v>
      </c>
      <c r="C11" s="90">
        <v>5.5299985026728624</v>
      </c>
      <c r="D11" s="91">
        <v>0.19511262514024175</v>
      </c>
    </row>
    <row r="12" spans="1:4">
      <c r="A12" s="57" t="s">
        <v>453</v>
      </c>
      <c r="B12" s="86">
        <v>362</v>
      </c>
      <c r="C12" s="87">
        <v>5.4538950860810607</v>
      </c>
      <c r="D12" s="88">
        <v>0.18252525771102679</v>
      </c>
    </row>
    <row r="13" spans="1:4">
      <c r="A13" s="49" t="s">
        <v>454</v>
      </c>
      <c r="B13" s="89">
        <v>717</v>
      </c>
      <c r="C13" s="90">
        <v>5.2491298408080116</v>
      </c>
      <c r="D13" s="91">
        <v>0.14684351329224565</v>
      </c>
    </row>
    <row r="14" spans="1:4">
      <c r="A14" s="57" t="s">
        <v>455</v>
      </c>
      <c r="B14" s="86">
        <v>221</v>
      </c>
      <c r="C14" s="87">
        <v>5.0431378247240737</v>
      </c>
      <c r="D14" s="88">
        <v>0.40798249533660158</v>
      </c>
    </row>
    <row r="15" spans="1:4">
      <c r="A15" s="49" t="s">
        <v>456</v>
      </c>
      <c r="B15" s="89">
        <v>679</v>
      </c>
      <c r="C15" s="90">
        <v>5.614479504846579</v>
      </c>
      <c r="D15" s="91">
        <v>0.14174256617833159</v>
      </c>
    </row>
    <row r="16" spans="1:4">
      <c r="A16" s="57" t="s">
        <v>457</v>
      </c>
      <c r="B16" s="86">
        <v>210</v>
      </c>
      <c r="C16" s="87">
        <v>5.9956447958393708</v>
      </c>
      <c r="D16" s="88">
        <v>0.22768987752913539</v>
      </c>
    </row>
    <row r="17" spans="1:36">
      <c r="A17" s="49" t="s">
        <v>458</v>
      </c>
      <c r="B17" s="89">
        <v>300</v>
      </c>
      <c r="C17" s="90">
        <v>5.6355279626280232</v>
      </c>
      <c r="D17" s="91">
        <v>0.23445236515001522</v>
      </c>
    </row>
    <row r="18" spans="1:36">
      <c r="A18" s="57" t="s">
        <v>459</v>
      </c>
      <c r="B18" s="86">
        <v>462</v>
      </c>
      <c r="C18" s="87">
        <v>4.8855505939063839</v>
      </c>
      <c r="D18" s="88">
        <v>0.1845875012400553</v>
      </c>
    </row>
    <row r="19" spans="1:36">
      <c r="A19" s="49" t="s">
        <v>460</v>
      </c>
      <c r="B19" s="89">
        <v>166</v>
      </c>
      <c r="C19" s="90">
        <v>5.4920557209602636</v>
      </c>
      <c r="D19" s="91">
        <v>0.20924375139943141</v>
      </c>
    </row>
    <row r="22" spans="1:36" ht="18.75">
      <c r="A22" s="340" t="s">
        <v>38</v>
      </c>
      <c r="B22" s="340"/>
      <c r="C22" s="340"/>
      <c r="D22" s="340"/>
      <c r="E22" s="340"/>
      <c r="F22" s="340"/>
      <c r="G22" s="340"/>
      <c r="H22" s="340"/>
      <c r="I22" s="340"/>
      <c r="J22" s="340"/>
      <c r="K22" s="340"/>
      <c r="L22" s="340"/>
      <c r="M22" s="340"/>
      <c r="N22" s="340"/>
      <c r="O22" s="340"/>
      <c r="P22" s="340"/>
      <c r="Q22" s="340"/>
      <c r="R22" s="340"/>
      <c r="S22" s="340"/>
      <c r="T22" s="340"/>
      <c r="U22" s="340"/>
      <c r="V22" s="340"/>
      <c r="W22" s="340"/>
      <c r="X22" s="340"/>
      <c r="Y22" s="340"/>
      <c r="Z22" s="340"/>
      <c r="AA22" s="340"/>
      <c r="AB22" s="340"/>
      <c r="AC22" s="340"/>
      <c r="AD22" s="340"/>
      <c r="AE22" s="340"/>
      <c r="AF22" s="340"/>
      <c r="AG22" s="340"/>
      <c r="AH22" s="340"/>
      <c r="AI22" s="340"/>
      <c r="AJ22" s="340"/>
    </row>
    <row r="23" spans="1:36" ht="62.25" customHeight="1">
      <c r="A23" s="334" t="s">
        <v>136</v>
      </c>
      <c r="B23" s="332"/>
      <c r="C23" s="332"/>
      <c r="D23" s="332"/>
      <c r="E23" s="332"/>
      <c r="F23" s="332"/>
      <c r="G23" s="332"/>
      <c r="H23" s="332"/>
      <c r="I23" s="332"/>
      <c r="J23" s="332"/>
      <c r="K23" s="332"/>
      <c r="L23" s="332"/>
      <c r="M23" s="332"/>
      <c r="N23" s="332"/>
      <c r="O23" s="332"/>
      <c r="P23" s="332"/>
      <c r="Q23" s="332"/>
      <c r="R23" s="332"/>
      <c r="S23" s="332"/>
      <c r="T23" s="332"/>
      <c r="U23" s="332"/>
      <c r="V23" s="332"/>
      <c r="W23" s="332"/>
      <c r="X23" s="332"/>
      <c r="Y23" s="332"/>
      <c r="Z23" s="332"/>
      <c r="AA23" s="332"/>
      <c r="AB23" s="332"/>
      <c r="AC23" s="341"/>
      <c r="AD23" s="332"/>
      <c r="AE23" s="332"/>
      <c r="AF23" s="332"/>
      <c r="AG23" s="332"/>
      <c r="AH23" s="332"/>
      <c r="AI23" s="332"/>
      <c r="AJ23" s="332"/>
    </row>
    <row r="24" spans="1:36" ht="39.75" customHeight="1">
      <c r="A24" s="64"/>
      <c r="B24" s="338" t="s">
        <v>137</v>
      </c>
      <c r="C24" s="338"/>
      <c r="D24" s="338"/>
      <c r="E24" s="338"/>
      <c r="F24" s="338"/>
      <c r="G24" s="338"/>
      <c r="H24" s="338"/>
      <c r="I24" s="338" t="s">
        <v>138</v>
      </c>
      <c r="J24" s="338" t="s">
        <v>139</v>
      </c>
      <c r="K24" s="338"/>
      <c r="L24" s="338" t="s">
        <v>140</v>
      </c>
      <c r="M24" s="338"/>
      <c r="N24" s="338" t="s">
        <v>141</v>
      </c>
      <c r="O24" s="338"/>
      <c r="P24" s="338" t="s">
        <v>142</v>
      </c>
      <c r="Q24" s="338" t="s">
        <v>139</v>
      </c>
      <c r="R24" s="338"/>
      <c r="S24" s="338" t="s">
        <v>140</v>
      </c>
      <c r="T24" s="338"/>
      <c r="U24" s="338" t="s">
        <v>141</v>
      </c>
      <c r="V24" s="338"/>
      <c r="W24" s="338" t="s">
        <v>143</v>
      </c>
      <c r="X24" s="338" t="s">
        <v>139</v>
      </c>
      <c r="Y24" s="338"/>
      <c r="Z24" s="338" t="s">
        <v>140</v>
      </c>
      <c r="AA24" s="338"/>
      <c r="AB24" s="338" t="s">
        <v>141</v>
      </c>
      <c r="AC24" s="339"/>
      <c r="AD24" s="338" t="s">
        <v>144</v>
      </c>
      <c r="AE24" s="338" t="s">
        <v>139</v>
      </c>
      <c r="AF24" s="338"/>
      <c r="AG24" s="338" t="s">
        <v>140</v>
      </c>
      <c r="AH24" s="338"/>
      <c r="AI24" s="338" t="s">
        <v>141</v>
      </c>
      <c r="AJ24" s="338"/>
    </row>
    <row r="25" spans="1:36" ht="39.75" customHeight="1">
      <c r="A25" s="37" t="s">
        <v>114</v>
      </c>
      <c r="B25" s="65" t="s">
        <v>115</v>
      </c>
      <c r="C25" s="65" t="s">
        <v>300</v>
      </c>
      <c r="D25" s="92" t="s">
        <v>145</v>
      </c>
      <c r="E25" s="65" t="s">
        <v>301</v>
      </c>
      <c r="F25" s="92" t="s">
        <v>146</v>
      </c>
      <c r="G25" s="65" t="s">
        <v>302</v>
      </c>
      <c r="H25" s="92" t="s">
        <v>147</v>
      </c>
      <c r="I25" s="38" t="s">
        <v>115</v>
      </c>
      <c r="J25" s="38" t="s">
        <v>300</v>
      </c>
      <c r="K25" s="93" t="s">
        <v>145</v>
      </c>
      <c r="L25" s="38" t="s">
        <v>301</v>
      </c>
      <c r="M25" s="93" t="s">
        <v>146</v>
      </c>
      <c r="N25" s="38" t="s">
        <v>302</v>
      </c>
      <c r="O25" s="93" t="s">
        <v>147</v>
      </c>
      <c r="P25" s="65" t="s">
        <v>115</v>
      </c>
      <c r="Q25" s="65" t="s">
        <v>300</v>
      </c>
      <c r="R25" s="92" t="s">
        <v>145</v>
      </c>
      <c r="S25" s="65" t="s">
        <v>301</v>
      </c>
      <c r="T25" s="92" t="s">
        <v>146</v>
      </c>
      <c r="U25" s="65" t="s">
        <v>302</v>
      </c>
      <c r="V25" s="92" t="s">
        <v>147</v>
      </c>
      <c r="W25" s="38" t="s">
        <v>115</v>
      </c>
      <c r="X25" s="38" t="s">
        <v>300</v>
      </c>
      <c r="Y25" s="93" t="s">
        <v>145</v>
      </c>
      <c r="Z25" s="38" t="s">
        <v>301</v>
      </c>
      <c r="AA25" s="93" t="s">
        <v>146</v>
      </c>
      <c r="AB25" s="38" t="s">
        <v>302</v>
      </c>
      <c r="AC25" s="93" t="s">
        <v>147</v>
      </c>
      <c r="AD25" s="65" t="s">
        <v>115</v>
      </c>
      <c r="AE25" s="65" t="s">
        <v>300</v>
      </c>
      <c r="AF25" s="92" t="s">
        <v>145</v>
      </c>
      <c r="AG25" s="65" t="s">
        <v>301</v>
      </c>
      <c r="AH25" s="92" t="s">
        <v>146</v>
      </c>
      <c r="AI25" s="65" t="s">
        <v>302</v>
      </c>
      <c r="AJ25" s="92" t="s">
        <v>147</v>
      </c>
    </row>
    <row r="26" spans="1:36" ht="72">
      <c r="A26" s="41"/>
      <c r="B26" s="68" t="s">
        <v>118</v>
      </c>
      <c r="C26" s="68" t="s">
        <v>303</v>
      </c>
      <c r="D26" s="94" t="s">
        <v>148</v>
      </c>
      <c r="E26" s="68" t="s">
        <v>304</v>
      </c>
      <c r="F26" s="94" t="s">
        <v>148</v>
      </c>
      <c r="G26" s="68" t="s">
        <v>305</v>
      </c>
      <c r="H26" s="94" t="s">
        <v>148</v>
      </c>
      <c r="I26" s="42" t="s">
        <v>118</v>
      </c>
      <c r="J26" s="42" t="s">
        <v>303</v>
      </c>
      <c r="K26" s="95" t="s">
        <v>148</v>
      </c>
      <c r="L26" s="42" t="s">
        <v>304</v>
      </c>
      <c r="M26" s="95" t="s">
        <v>148</v>
      </c>
      <c r="N26" s="42" t="s">
        <v>305</v>
      </c>
      <c r="O26" s="95" t="s">
        <v>148</v>
      </c>
      <c r="P26" s="68" t="s">
        <v>118</v>
      </c>
      <c r="Q26" s="68" t="s">
        <v>303</v>
      </c>
      <c r="R26" s="94" t="s">
        <v>148</v>
      </c>
      <c r="S26" s="68" t="s">
        <v>304</v>
      </c>
      <c r="T26" s="94" t="s">
        <v>148</v>
      </c>
      <c r="U26" s="68" t="s">
        <v>305</v>
      </c>
      <c r="V26" s="94" t="s">
        <v>148</v>
      </c>
      <c r="W26" s="42" t="s">
        <v>118</v>
      </c>
      <c r="X26" s="42" t="s">
        <v>303</v>
      </c>
      <c r="Y26" s="95" t="s">
        <v>148</v>
      </c>
      <c r="Z26" s="42" t="s">
        <v>304</v>
      </c>
      <c r="AA26" s="95" t="s">
        <v>148</v>
      </c>
      <c r="AB26" s="42" t="s">
        <v>305</v>
      </c>
      <c r="AC26" s="95" t="s">
        <v>148</v>
      </c>
      <c r="AD26" s="68" t="s">
        <v>118</v>
      </c>
      <c r="AE26" s="68" t="s">
        <v>303</v>
      </c>
      <c r="AF26" s="94" t="s">
        <v>148</v>
      </c>
      <c r="AG26" s="68" t="s">
        <v>304</v>
      </c>
      <c r="AH26" s="94" t="s">
        <v>148</v>
      </c>
      <c r="AI26" s="68" t="s">
        <v>305</v>
      </c>
      <c r="AJ26" s="94" t="s">
        <v>148</v>
      </c>
    </row>
    <row r="27" spans="1:36">
      <c r="A27" s="45" t="s">
        <v>449</v>
      </c>
      <c r="B27" s="96">
        <v>13196</v>
      </c>
      <c r="C27" s="97">
        <v>5.3829607574766937E-2</v>
      </c>
      <c r="D27" s="98">
        <v>3.8545890231892919E-3</v>
      </c>
      <c r="E27" s="97">
        <v>7.4412749666165748E-2</v>
      </c>
      <c r="F27" s="98">
        <v>4.4807139691915654E-3</v>
      </c>
      <c r="G27" s="97">
        <v>0.87175764275906731</v>
      </c>
      <c r="H27" s="98">
        <v>5.7061783134320565E-3</v>
      </c>
      <c r="I27" s="96">
        <v>12505</v>
      </c>
      <c r="J27" s="97">
        <v>0.1259124756079584</v>
      </c>
      <c r="K27" s="98">
        <v>5.8161165202278388E-3</v>
      </c>
      <c r="L27" s="97">
        <v>0.16604663137442463</v>
      </c>
      <c r="M27" s="98">
        <v>6.5229266217047381E-3</v>
      </c>
      <c r="N27" s="97">
        <v>0.70804089301761697</v>
      </c>
      <c r="O27" s="98">
        <v>7.9682697649266689E-3</v>
      </c>
      <c r="P27" s="96">
        <v>13113</v>
      </c>
      <c r="Q27" s="97">
        <v>7.8547875587255039E-2</v>
      </c>
      <c r="R27" s="98">
        <v>4.607519065555097E-3</v>
      </c>
      <c r="S27" s="97">
        <v>9.6282686317427146E-2</v>
      </c>
      <c r="T27" s="98">
        <v>5.0509969798988872E-3</v>
      </c>
      <c r="U27" s="97">
        <v>0.82516943809531784</v>
      </c>
      <c r="V27" s="98">
        <v>6.5015377111313187E-3</v>
      </c>
      <c r="W27" s="96">
        <v>12897</v>
      </c>
      <c r="X27" s="97">
        <v>0.13892885780704581</v>
      </c>
      <c r="Y27" s="98">
        <v>5.9704464892764621E-3</v>
      </c>
      <c r="Z27" s="97">
        <v>0.14081701847408071</v>
      </c>
      <c r="AA27" s="98">
        <v>6.0042436201436988E-3</v>
      </c>
      <c r="AB27" s="97">
        <v>0.72025412371887354</v>
      </c>
      <c r="AC27" s="98">
        <v>7.7464285626550082E-3</v>
      </c>
      <c r="AD27" s="96">
        <v>13093</v>
      </c>
      <c r="AE27" s="97">
        <v>8.2872367615942133E-2</v>
      </c>
      <c r="AF27" s="98">
        <v>4.7249074933759846E-3</v>
      </c>
      <c r="AG27" s="97">
        <v>0.10716987060516442</v>
      </c>
      <c r="AH27" s="98">
        <v>5.3003519254895062E-3</v>
      </c>
      <c r="AI27" s="97">
        <v>0.80995776177889345</v>
      </c>
      <c r="AJ27" s="98">
        <v>6.7206173819764859E-3</v>
      </c>
    </row>
    <row r="28" spans="1:36">
      <c r="A28" s="49" t="s">
        <v>450</v>
      </c>
      <c r="B28" s="99">
        <v>3608</v>
      </c>
      <c r="C28" s="100">
        <v>6.7564762668572462E-2</v>
      </c>
      <c r="D28" s="101">
        <v>8.2124698347575843E-3</v>
      </c>
      <c r="E28" s="100">
        <v>7.754530938317522E-2</v>
      </c>
      <c r="F28" s="101">
        <v>8.7463822924313817E-3</v>
      </c>
      <c r="G28" s="100">
        <v>0.85488992794825236</v>
      </c>
      <c r="H28" s="101">
        <v>1.1499356810161952E-2</v>
      </c>
      <c r="I28" s="99">
        <v>3468</v>
      </c>
      <c r="J28" s="100">
        <v>0.13870361814310023</v>
      </c>
      <c r="K28" s="101">
        <v>1.1511505391846619E-2</v>
      </c>
      <c r="L28" s="100">
        <v>0.18440006975078019</v>
      </c>
      <c r="M28" s="101">
        <v>1.2909703280612632E-2</v>
      </c>
      <c r="N28" s="100">
        <v>0.67689631210611956</v>
      </c>
      <c r="O28" s="101">
        <v>1.5558573621624569E-2</v>
      </c>
      <c r="P28" s="99">
        <v>3587</v>
      </c>
      <c r="Q28" s="100">
        <v>9.7245641416545583E-2</v>
      </c>
      <c r="R28" s="101">
        <v>9.7109064010120309E-3</v>
      </c>
      <c r="S28" s="100">
        <v>9.7505823684338508E-2</v>
      </c>
      <c r="T28" s="101">
        <v>9.7224141215075961E-3</v>
      </c>
      <c r="U28" s="100">
        <v>0.80524853489911596</v>
      </c>
      <c r="V28" s="101">
        <v>1.2961067812370424E-2</v>
      </c>
      <c r="W28" s="99">
        <v>3538</v>
      </c>
      <c r="X28" s="100">
        <v>0.14643160793010915</v>
      </c>
      <c r="Y28" s="101">
        <v>1.1656229124473552E-2</v>
      </c>
      <c r="Z28" s="100">
        <v>0.16315500538188574</v>
      </c>
      <c r="AA28" s="101">
        <v>1.2180397777743676E-2</v>
      </c>
      <c r="AB28" s="100">
        <v>0.69041338668800512</v>
      </c>
      <c r="AC28" s="101">
        <v>1.522862224341918E-2</v>
      </c>
      <c r="AD28" s="99">
        <v>3586</v>
      </c>
      <c r="AE28" s="100">
        <v>9.2363979234686644E-2</v>
      </c>
      <c r="AF28" s="101">
        <v>9.4923232458326845E-3</v>
      </c>
      <c r="AG28" s="100">
        <v>0.12608793126696646</v>
      </c>
      <c r="AH28" s="101">
        <v>1.0874072854146197E-2</v>
      </c>
      <c r="AI28" s="100">
        <v>0.78154808949834687</v>
      </c>
      <c r="AJ28" s="101">
        <v>1.3523498324919704E-2</v>
      </c>
    </row>
    <row r="29" spans="1:36">
      <c r="A29" s="53" t="s">
        <v>451</v>
      </c>
      <c r="B29" s="83">
        <v>283</v>
      </c>
      <c r="C29" s="102">
        <v>4.6007735998204069E-2</v>
      </c>
      <c r="D29" s="98">
        <v>2.5765540818809326E-2</v>
      </c>
      <c r="E29" s="102">
        <v>5.4522646603282821E-2</v>
      </c>
      <c r="F29" s="98">
        <v>2.7632274758061844E-2</v>
      </c>
      <c r="G29" s="102">
        <v>0.89946961739851317</v>
      </c>
      <c r="H29" s="98">
        <v>3.5629809627048793E-2</v>
      </c>
      <c r="I29" s="83">
        <v>266</v>
      </c>
      <c r="J29" s="102">
        <v>0.1022543866701509</v>
      </c>
      <c r="K29" s="98">
        <v>3.7044856353744451E-2</v>
      </c>
      <c r="L29" s="102">
        <v>0.2210899808759654</v>
      </c>
      <c r="M29" s="98">
        <v>4.9827399507535161E-2</v>
      </c>
      <c r="N29" s="102">
        <v>0.67665563245388372</v>
      </c>
      <c r="O29" s="98">
        <v>5.5911312939230295E-2</v>
      </c>
      <c r="P29" s="83">
        <v>283</v>
      </c>
      <c r="Q29" s="102">
        <v>7.2936092189495386E-2</v>
      </c>
      <c r="R29" s="98">
        <v>3.1187267505865441E-2</v>
      </c>
      <c r="S29" s="102">
        <v>6.9677700351164454E-2</v>
      </c>
      <c r="T29" s="98">
        <v>3.0598791676574862E-2</v>
      </c>
      <c r="U29" s="102">
        <v>0.85738620745934013</v>
      </c>
      <c r="V29" s="98">
        <v>4.1036818018682128E-2</v>
      </c>
      <c r="W29" s="83">
        <v>279</v>
      </c>
      <c r="X29" s="102">
        <v>7.6819701667349777E-2</v>
      </c>
      <c r="Y29" s="98">
        <v>3.210794769656642E-2</v>
      </c>
      <c r="Z29" s="102">
        <v>0.12099627044166031</v>
      </c>
      <c r="AA29" s="98">
        <v>3.8710068648530653E-2</v>
      </c>
      <c r="AB29" s="102">
        <v>0.80218402789098997</v>
      </c>
      <c r="AC29" s="98">
        <v>4.6785353179586417E-2</v>
      </c>
      <c r="AD29" s="83">
        <v>280</v>
      </c>
      <c r="AE29" s="102">
        <v>9.1133815184784084E-2</v>
      </c>
      <c r="AF29" s="98">
        <v>3.4404218271702598E-2</v>
      </c>
      <c r="AG29" s="102">
        <v>0.13083376219390519</v>
      </c>
      <c r="AH29" s="98">
        <v>3.9871998296117171E-2</v>
      </c>
      <c r="AI29" s="102">
        <v>0.77803242262131078</v>
      </c>
      <c r="AJ29" s="98">
        <v>4.8634262674866806E-2</v>
      </c>
    </row>
    <row r="30" spans="1:36">
      <c r="A30" s="49" t="s">
        <v>452</v>
      </c>
      <c r="B30" s="99">
        <v>181</v>
      </c>
      <c r="C30" s="100">
        <v>4.537754652689225E-2</v>
      </c>
      <c r="D30" s="101">
        <v>3.2910648016788682E-2</v>
      </c>
      <c r="E30" s="100">
        <v>7.8260625138609333E-2</v>
      </c>
      <c r="F30" s="101">
        <v>4.0692997108065662E-2</v>
      </c>
      <c r="G30" s="100">
        <v>0.87636182833449838</v>
      </c>
      <c r="H30" s="101">
        <v>4.8742059559521538E-2</v>
      </c>
      <c r="I30" s="99">
        <v>171</v>
      </c>
      <c r="J30" s="100">
        <v>6.8162645151484486E-2</v>
      </c>
      <c r="K30" s="101">
        <v>3.9740600978132409E-2</v>
      </c>
      <c r="L30" s="100">
        <v>0.20972308732000833</v>
      </c>
      <c r="M30" s="101">
        <v>6.1007379347526057E-2</v>
      </c>
      <c r="N30" s="100">
        <v>0.72211426752850716</v>
      </c>
      <c r="O30" s="101">
        <v>6.673789186975003E-2</v>
      </c>
      <c r="P30" s="99">
        <v>181</v>
      </c>
      <c r="Q30" s="100">
        <v>4.2915977292742512E-2</v>
      </c>
      <c r="R30" s="101">
        <v>3.222579533428651E-2</v>
      </c>
      <c r="S30" s="100">
        <v>0.131921970014728</v>
      </c>
      <c r="T30" s="101">
        <v>4.9983663042761479E-2</v>
      </c>
      <c r="U30" s="100">
        <v>0.82516205269252951</v>
      </c>
      <c r="V30" s="101">
        <v>5.5585368162863753E-2</v>
      </c>
      <c r="W30" s="99">
        <v>174</v>
      </c>
      <c r="X30" s="100">
        <v>0.15024611684652653</v>
      </c>
      <c r="Y30" s="101">
        <v>5.3598011731518992E-2</v>
      </c>
      <c r="Z30" s="100">
        <v>0.12964282477821115</v>
      </c>
      <c r="AA30" s="101">
        <v>5.0663313218630962E-2</v>
      </c>
      <c r="AB30" s="100">
        <v>0.72011105837526235</v>
      </c>
      <c r="AC30" s="101">
        <v>6.6304955991633552E-2</v>
      </c>
      <c r="AD30" s="99">
        <v>179</v>
      </c>
      <c r="AE30" s="100">
        <v>6.789142596298911E-2</v>
      </c>
      <c r="AF30" s="101">
        <v>3.8702966417058622E-2</v>
      </c>
      <c r="AG30" s="100">
        <v>8.3662383531605669E-2</v>
      </c>
      <c r="AH30" s="101">
        <v>4.2031760436445756E-2</v>
      </c>
      <c r="AI30" s="100">
        <v>0.84844619050540526</v>
      </c>
      <c r="AJ30" s="101">
        <v>5.3004820270349334E-2</v>
      </c>
    </row>
    <row r="31" spans="1:36">
      <c r="A31" s="57" t="s">
        <v>453</v>
      </c>
      <c r="B31" s="96">
        <v>364</v>
      </c>
      <c r="C31" s="97">
        <v>2.4560580706518315E-2</v>
      </c>
      <c r="D31" s="98">
        <v>1.7352601492686331E-2</v>
      </c>
      <c r="E31" s="97">
        <v>7.2583021346709922E-2</v>
      </c>
      <c r="F31" s="98">
        <v>2.7275264497731669E-2</v>
      </c>
      <c r="G31" s="97">
        <v>0.90285639794677175</v>
      </c>
      <c r="H31" s="98">
        <v>3.0857935800952616E-2</v>
      </c>
      <c r="I31" s="96">
        <v>354</v>
      </c>
      <c r="J31" s="97">
        <v>0.16030038471218042</v>
      </c>
      <c r="K31" s="98">
        <v>3.8365570683419371E-2</v>
      </c>
      <c r="L31" s="97">
        <v>0.18873398266228295</v>
      </c>
      <c r="M31" s="98">
        <v>4.081815273868384E-2</v>
      </c>
      <c r="N31" s="97">
        <v>0.65096563262553664</v>
      </c>
      <c r="O31" s="98">
        <v>4.9432338921865347E-2</v>
      </c>
      <c r="P31" s="96">
        <v>361</v>
      </c>
      <c r="Q31" s="97">
        <v>5.2129741571295268E-2</v>
      </c>
      <c r="R31" s="98">
        <v>2.379241646247152E-2</v>
      </c>
      <c r="S31" s="97">
        <v>9.8624752778775165E-2</v>
      </c>
      <c r="T31" s="98">
        <v>3.1186605618151897E-2</v>
      </c>
      <c r="U31" s="97">
        <v>0.84924550564992962</v>
      </c>
      <c r="V31" s="98">
        <v>3.7087252772143829E-2</v>
      </c>
      <c r="W31" s="96">
        <v>355</v>
      </c>
      <c r="X31" s="97">
        <v>8.3149638220719968E-2</v>
      </c>
      <c r="Y31" s="98">
        <v>2.9274413171369282E-2</v>
      </c>
      <c r="Z31" s="97">
        <v>0.16407117189305462</v>
      </c>
      <c r="AA31" s="98">
        <v>3.8657455048241009E-2</v>
      </c>
      <c r="AB31" s="97">
        <v>0.75277918988622539</v>
      </c>
      <c r="AC31" s="98">
        <v>4.4795158160185922E-2</v>
      </c>
      <c r="AD31" s="96">
        <v>363</v>
      </c>
      <c r="AE31" s="103">
        <v>8.7841234118756578E-2</v>
      </c>
      <c r="AF31" s="98">
        <v>2.961867928608513E-2</v>
      </c>
      <c r="AG31" s="97">
        <v>0.15433633251044412</v>
      </c>
      <c r="AH31" s="98">
        <v>3.7327031227492091E-2</v>
      </c>
      <c r="AI31" s="97">
        <v>0.75782243337079924</v>
      </c>
      <c r="AJ31" s="98">
        <v>4.4001972494142581E-2</v>
      </c>
    </row>
    <row r="32" spans="1:36">
      <c r="A32" s="49" t="s">
        <v>454</v>
      </c>
      <c r="B32" s="99">
        <v>720</v>
      </c>
      <c r="C32" s="100">
        <v>6.5075422524491375E-2</v>
      </c>
      <c r="D32" s="101">
        <v>1.8272517644323645E-2</v>
      </c>
      <c r="E32" s="100">
        <v>0.11171252208403849</v>
      </c>
      <c r="F32" s="101">
        <v>2.3137680508982753E-2</v>
      </c>
      <c r="G32" s="100">
        <v>0.82321205539147013</v>
      </c>
      <c r="H32" s="101">
        <v>2.7898431547512995E-2</v>
      </c>
      <c r="I32" s="99">
        <v>693</v>
      </c>
      <c r="J32" s="100">
        <v>0.14323557088394814</v>
      </c>
      <c r="K32" s="101">
        <v>2.6161235616550638E-2</v>
      </c>
      <c r="L32" s="100">
        <v>0.19252885017675131</v>
      </c>
      <c r="M32" s="101">
        <v>2.9373598812987782E-2</v>
      </c>
      <c r="N32" s="100">
        <v>0.66423557893930052</v>
      </c>
      <c r="O32" s="101">
        <v>3.5084754820016814E-2</v>
      </c>
      <c r="P32" s="99">
        <v>716</v>
      </c>
      <c r="Q32" s="100">
        <v>0.14665310854599706</v>
      </c>
      <c r="R32" s="101">
        <v>2.5982774633558317E-2</v>
      </c>
      <c r="S32" s="100">
        <v>0.13184432962443629</v>
      </c>
      <c r="T32" s="101">
        <v>2.4874246012005722E-2</v>
      </c>
      <c r="U32" s="100">
        <v>0.72150256182956674</v>
      </c>
      <c r="V32" s="101">
        <v>3.2787330856169174E-2</v>
      </c>
      <c r="W32" s="99">
        <v>710</v>
      </c>
      <c r="X32" s="100">
        <v>0.13439744794736694</v>
      </c>
      <c r="Y32" s="101">
        <v>2.5178603537296097E-2</v>
      </c>
      <c r="Z32" s="100">
        <v>0.21458161526189753</v>
      </c>
      <c r="AA32" s="101">
        <v>3.0194186065607403E-2</v>
      </c>
      <c r="AB32" s="100">
        <v>0.65102093679073558</v>
      </c>
      <c r="AC32" s="101">
        <v>3.4982235097684701E-2</v>
      </c>
      <c r="AD32" s="99">
        <v>713</v>
      </c>
      <c r="AE32" s="100">
        <v>0.10572164416030956</v>
      </c>
      <c r="AF32" s="101">
        <v>2.271180048094687E-2</v>
      </c>
      <c r="AG32" s="100">
        <v>0.14775072254433783</v>
      </c>
      <c r="AH32" s="101">
        <v>2.6116346780694386E-2</v>
      </c>
      <c r="AI32" s="100">
        <v>0.74652763329535254</v>
      </c>
      <c r="AJ32" s="101">
        <v>3.1897700296473278E-2</v>
      </c>
    </row>
    <row r="33" spans="1:37">
      <c r="A33" s="57" t="s">
        <v>455</v>
      </c>
      <c r="B33" s="96">
        <v>222</v>
      </c>
      <c r="C33" s="97">
        <v>0.12454412941007496</v>
      </c>
      <c r="D33" s="98">
        <v>4.4016320208610335E-2</v>
      </c>
      <c r="E33" s="97">
        <v>0.10264406470774957</v>
      </c>
      <c r="F33" s="98">
        <v>4.0741149533412693E-2</v>
      </c>
      <c r="G33" s="97">
        <v>0.77281180588217546</v>
      </c>
      <c r="H33" s="98">
        <v>5.5034798004144209E-2</v>
      </c>
      <c r="I33" s="96">
        <v>215</v>
      </c>
      <c r="J33" s="97">
        <v>0.18099238444462343</v>
      </c>
      <c r="K33" s="98">
        <v>5.1622395480038531E-2</v>
      </c>
      <c r="L33" s="97">
        <v>0.16936730405329731</v>
      </c>
      <c r="M33" s="98">
        <v>5.0370536023734563E-2</v>
      </c>
      <c r="N33" s="97">
        <v>0.64964031150207924</v>
      </c>
      <c r="O33" s="98">
        <v>6.3299379061137945E-2</v>
      </c>
      <c r="P33" s="96">
        <v>219</v>
      </c>
      <c r="Q33" s="97">
        <v>0.16705279987694052</v>
      </c>
      <c r="R33" s="98">
        <v>4.964827988575897E-2</v>
      </c>
      <c r="S33" s="97">
        <v>0.14074835840380193</v>
      </c>
      <c r="T33" s="98">
        <v>4.6502016255070742E-2</v>
      </c>
      <c r="U33" s="97">
        <v>0.6921988417192575</v>
      </c>
      <c r="V33" s="98">
        <v>6.0769913430432851E-2</v>
      </c>
      <c r="W33" s="96">
        <v>220</v>
      </c>
      <c r="X33" s="97">
        <v>0.23670150178640292</v>
      </c>
      <c r="Y33" s="98">
        <v>5.6041417790874237E-2</v>
      </c>
      <c r="Z33" s="97">
        <v>0.12912850451302166</v>
      </c>
      <c r="AA33" s="98">
        <v>4.4856285434024125E-2</v>
      </c>
      <c r="AB33" s="97">
        <v>0.63416999370057536</v>
      </c>
      <c r="AC33" s="98">
        <v>6.3164074483372121E-2</v>
      </c>
      <c r="AD33" s="96">
        <v>220</v>
      </c>
      <c r="AE33" s="97">
        <v>0.12135677212153581</v>
      </c>
      <c r="AF33" s="98">
        <v>4.3768974047728511E-2</v>
      </c>
      <c r="AG33" s="97">
        <v>0.17754464166412232</v>
      </c>
      <c r="AH33" s="98">
        <v>5.0669558510257014E-2</v>
      </c>
      <c r="AI33" s="97">
        <v>0.70109858621434185</v>
      </c>
      <c r="AJ33" s="98">
        <v>6.015390040108453E-2</v>
      </c>
    </row>
    <row r="34" spans="1:37">
      <c r="A34" s="49" t="s">
        <v>456</v>
      </c>
      <c r="B34" s="99">
        <v>683</v>
      </c>
      <c r="C34" s="100">
        <v>5.363437418660464E-2</v>
      </c>
      <c r="D34" s="101">
        <v>1.7226887410278249E-2</v>
      </c>
      <c r="E34" s="100">
        <v>6.2067273796569379E-2</v>
      </c>
      <c r="F34" s="101">
        <v>1.8384259806571695E-2</v>
      </c>
      <c r="G34" s="100">
        <v>0.88429835201682594</v>
      </c>
      <c r="H34" s="101">
        <v>2.411881916484938E-2</v>
      </c>
      <c r="I34" s="99">
        <v>655</v>
      </c>
      <c r="J34" s="100">
        <v>0.1014407947396776</v>
      </c>
      <c r="K34" s="101">
        <v>2.329299857315522E-2</v>
      </c>
      <c r="L34" s="100">
        <v>0.13533821743040736</v>
      </c>
      <c r="M34" s="101">
        <v>2.6297399503891886E-2</v>
      </c>
      <c r="N34" s="100">
        <v>0.76322098782991499</v>
      </c>
      <c r="O34" s="101">
        <v>3.2532346092470826E-2</v>
      </c>
      <c r="P34" s="99">
        <v>682</v>
      </c>
      <c r="Q34" s="100">
        <v>6.9299464022300292E-2</v>
      </c>
      <c r="R34" s="101">
        <v>1.9320005947884682E-2</v>
      </c>
      <c r="S34" s="100">
        <v>7.4150910187859076E-2</v>
      </c>
      <c r="T34" s="101">
        <v>1.9906352397390283E-2</v>
      </c>
      <c r="U34" s="100">
        <v>0.85654962578984062</v>
      </c>
      <c r="V34" s="101">
        <v>2.6388695469710378E-2</v>
      </c>
      <c r="W34" s="99">
        <v>664</v>
      </c>
      <c r="X34" s="100">
        <v>8.4179885058359757E-2</v>
      </c>
      <c r="Y34" s="101">
        <v>2.1336132762676558E-2</v>
      </c>
      <c r="Z34" s="100">
        <v>0.123158707506228</v>
      </c>
      <c r="AA34" s="101">
        <v>2.5115622849023383E-2</v>
      </c>
      <c r="AB34" s="100">
        <v>0.79266140743541225</v>
      </c>
      <c r="AC34" s="101">
        <v>3.0838895233402851E-2</v>
      </c>
      <c r="AD34" s="99">
        <v>681</v>
      </c>
      <c r="AE34" s="100">
        <v>7.0507438104146128E-2</v>
      </c>
      <c r="AF34" s="101">
        <v>1.9482933357804776E-2</v>
      </c>
      <c r="AG34" s="100">
        <v>8.6635776896987093E-2</v>
      </c>
      <c r="AH34" s="101">
        <v>2.1329177048289339E-2</v>
      </c>
      <c r="AI34" s="100">
        <v>0.84285678499886685</v>
      </c>
      <c r="AJ34" s="101">
        <v>2.7394802292608055E-2</v>
      </c>
    </row>
    <row r="35" spans="1:37">
      <c r="A35" s="57" t="s">
        <v>457</v>
      </c>
      <c r="B35" s="96">
        <v>212</v>
      </c>
      <c r="C35" s="97">
        <v>0</v>
      </c>
      <c r="D35" s="98">
        <v>1.2773129907544782E-2</v>
      </c>
      <c r="E35" s="97">
        <v>0.10320968718329028</v>
      </c>
      <c r="F35" s="98">
        <v>4.1819853536629967E-2</v>
      </c>
      <c r="G35" s="97">
        <v>0.89679031281670973</v>
      </c>
      <c r="H35" s="98">
        <v>4.181985353662996E-2</v>
      </c>
      <c r="I35" s="96">
        <v>207</v>
      </c>
      <c r="J35" s="97">
        <v>6.2678586400070402E-2</v>
      </c>
      <c r="K35" s="98">
        <v>3.4646901533741024E-2</v>
      </c>
      <c r="L35" s="97">
        <v>0.15749162601864639</v>
      </c>
      <c r="M35" s="98">
        <v>4.9960134113391667E-2</v>
      </c>
      <c r="N35" s="97">
        <v>0.77982978758128318</v>
      </c>
      <c r="O35" s="98">
        <v>5.638736375338866E-2</v>
      </c>
      <c r="P35" s="96">
        <v>208</v>
      </c>
      <c r="Q35" s="103">
        <v>2.8620390834178089E-3</v>
      </c>
      <c r="R35" s="98">
        <v>1.4802654991060276E-2</v>
      </c>
      <c r="S35" s="97">
        <v>5.5057030947542482E-2</v>
      </c>
      <c r="T35" s="98">
        <v>3.2815301399673563E-2</v>
      </c>
      <c r="U35" s="97">
        <v>0.94208092996903969</v>
      </c>
      <c r="V35" s="98">
        <v>3.3483242428805737E-2</v>
      </c>
      <c r="W35" s="96">
        <v>208</v>
      </c>
      <c r="X35" s="97">
        <v>6.5612718904781972E-2</v>
      </c>
      <c r="Y35" s="98">
        <v>3.5195916769596915E-2</v>
      </c>
      <c r="Z35" s="97">
        <v>0.11422423149228757</v>
      </c>
      <c r="AA35" s="98">
        <v>4.3979654471262057E-2</v>
      </c>
      <c r="AB35" s="97">
        <v>0.82016304960293052</v>
      </c>
      <c r="AC35" s="98">
        <v>5.2365670392973129E-2</v>
      </c>
      <c r="AD35" s="96">
        <v>211</v>
      </c>
      <c r="AE35" s="97">
        <v>6.133571943450572E-2</v>
      </c>
      <c r="AF35" s="98">
        <v>3.3992140591438312E-2</v>
      </c>
      <c r="AG35" s="97">
        <v>6.9620294918499387E-2</v>
      </c>
      <c r="AH35" s="98">
        <v>3.5768230349803712E-2</v>
      </c>
      <c r="AI35" s="97">
        <v>0.86904398564699492</v>
      </c>
      <c r="AJ35" s="98">
        <v>4.6078095043302368E-2</v>
      </c>
    </row>
    <row r="36" spans="1:37">
      <c r="A36" s="49" t="s">
        <v>458</v>
      </c>
      <c r="B36" s="99">
        <v>301</v>
      </c>
      <c r="C36" s="104">
        <v>5.3713020674377922E-2</v>
      </c>
      <c r="D36" s="101">
        <v>2.6562528331774762E-2</v>
      </c>
      <c r="E36" s="100">
        <v>5.2834554414499003E-2</v>
      </c>
      <c r="F36" s="101">
        <v>2.6380670522348416E-2</v>
      </c>
      <c r="G36" s="100">
        <v>0.89345242491112309</v>
      </c>
      <c r="H36" s="101">
        <v>3.5352936829338218E-2</v>
      </c>
      <c r="I36" s="99">
        <v>292</v>
      </c>
      <c r="J36" s="100">
        <v>0.12692309645245492</v>
      </c>
      <c r="K36" s="101">
        <v>3.8557402002497347E-2</v>
      </c>
      <c r="L36" s="100">
        <v>0.17491076703756958</v>
      </c>
      <c r="M36" s="101">
        <v>4.3701489073598242E-2</v>
      </c>
      <c r="N36" s="100">
        <v>0.6981661365099755</v>
      </c>
      <c r="O36" s="101">
        <v>5.2427259382050388E-2</v>
      </c>
      <c r="P36" s="99">
        <v>297</v>
      </c>
      <c r="Q36" s="100">
        <v>4.6258210190901483E-2</v>
      </c>
      <c r="R36" s="101">
        <v>2.5148496981929017E-2</v>
      </c>
      <c r="S36" s="100">
        <v>0.10332849772048683</v>
      </c>
      <c r="T36" s="101">
        <v>3.5149879459431516E-2</v>
      </c>
      <c r="U36" s="100">
        <v>0.85041329208861172</v>
      </c>
      <c r="V36" s="101">
        <v>4.080362744630138E-2</v>
      </c>
      <c r="W36" s="99">
        <v>295</v>
      </c>
      <c r="X36" s="100">
        <v>0.10993376106750762</v>
      </c>
      <c r="Y36" s="101">
        <v>3.6181837587012253E-2</v>
      </c>
      <c r="Z36" s="100">
        <v>9.6501674849212071E-2</v>
      </c>
      <c r="AA36" s="101">
        <v>3.429013920186081E-2</v>
      </c>
      <c r="AB36" s="100">
        <v>0.79356456408328035</v>
      </c>
      <c r="AC36" s="101">
        <v>4.6197522827818957E-2</v>
      </c>
      <c r="AD36" s="99">
        <v>299</v>
      </c>
      <c r="AE36" s="100">
        <v>6.1305184750339234E-2</v>
      </c>
      <c r="AF36" s="101">
        <v>2.817105801270238E-2</v>
      </c>
      <c r="AG36" s="100">
        <v>9.8072117035563261E-2</v>
      </c>
      <c r="AH36" s="101">
        <v>3.4281016664791983E-2</v>
      </c>
      <c r="AI36" s="100">
        <v>0.84062269821409752</v>
      </c>
      <c r="AJ36" s="101">
        <v>4.1679799174324295E-2</v>
      </c>
    </row>
    <row r="37" spans="1:37">
      <c r="A37" s="57" t="s">
        <v>459</v>
      </c>
      <c r="B37" s="96">
        <v>463</v>
      </c>
      <c r="C37" s="97">
        <v>0.14551447642206305</v>
      </c>
      <c r="D37" s="98">
        <v>3.2256292240818961E-2</v>
      </c>
      <c r="E37" s="97">
        <v>8.3805964728074833E-2</v>
      </c>
      <c r="F37" s="98">
        <v>2.5611083848431825E-2</v>
      </c>
      <c r="G37" s="97">
        <v>0.77067955884986206</v>
      </c>
      <c r="H37" s="98">
        <v>3.8263620449311246E-2</v>
      </c>
      <c r="I37" s="96">
        <v>441</v>
      </c>
      <c r="J37" s="97">
        <v>0.22045866996110491</v>
      </c>
      <c r="K37" s="98">
        <v>3.8674004995856284E-2</v>
      </c>
      <c r="L37" s="97">
        <v>0.23978302060679038</v>
      </c>
      <c r="M37" s="98">
        <v>3.9800898165240503E-2</v>
      </c>
      <c r="N37" s="97">
        <v>0.53975830943210468</v>
      </c>
      <c r="O37" s="98">
        <v>4.6311989659732045E-2</v>
      </c>
      <c r="P37" s="96">
        <v>461</v>
      </c>
      <c r="Q37" s="103">
        <v>0.16556000247073951</v>
      </c>
      <c r="R37" s="98">
        <v>3.4016985544491563E-2</v>
      </c>
      <c r="S37" s="97">
        <v>0.10141522927033059</v>
      </c>
      <c r="T37" s="98">
        <v>2.7845216229324645E-2</v>
      </c>
      <c r="U37" s="97">
        <v>0.73302476825892993</v>
      </c>
      <c r="V37" s="98">
        <v>4.0304551182938679E-2</v>
      </c>
      <c r="W37" s="96">
        <v>456</v>
      </c>
      <c r="X37" s="97">
        <v>0.32525122094590853</v>
      </c>
      <c r="Y37" s="98">
        <v>4.2862770611590204E-2</v>
      </c>
      <c r="Z37" s="97">
        <v>0.24053212987018172</v>
      </c>
      <c r="AA37" s="98">
        <v>3.9183184976562015E-2</v>
      </c>
      <c r="AB37" s="97">
        <v>0.43421664918390968</v>
      </c>
      <c r="AC37" s="98">
        <v>4.5302450569799348E-2</v>
      </c>
      <c r="AD37" s="96">
        <v>463</v>
      </c>
      <c r="AE37" s="97">
        <v>0.13607519594857764</v>
      </c>
      <c r="AF37" s="98">
        <v>3.1394844821285253E-2</v>
      </c>
      <c r="AG37" s="97">
        <v>0.16990813537330601</v>
      </c>
      <c r="AH37" s="98">
        <v>3.4285508943911427E-2</v>
      </c>
      <c r="AI37" s="97">
        <v>0.6940166686781164</v>
      </c>
      <c r="AJ37" s="98">
        <v>4.1858825134741373E-2</v>
      </c>
    </row>
    <row r="38" spans="1:37">
      <c r="A38" s="49" t="s">
        <v>460</v>
      </c>
      <c r="B38" s="99">
        <v>167</v>
      </c>
      <c r="C38" s="104">
        <v>1.7112096892213928E-2</v>
      </c>
      <c r="D38" s="101">
        <v>2.4901082997813462E-2</v>
      </c>
      <c r="E38" s="100">
        <v>3.9227337492276471E-2</v>
      </c>
      <c r="F38" s="101">
        <v>3.2668413707764819E-2</v>
      </c>
      <c r="G38" s="100">
        <v>0.94366056561550959</v>
      </c>
      <c r="H38" s="101">
        <v>3.7401096657416998E-2</v>
      </c>
      <c r="I38" s="99">
        <v>164</v>
      </c>
      <c r="J38" s="100">
        <v>0.15814667235117444</v>
      </c>
      <c r="K38" s="101">
        <v>5.6303819850212891E-2</v>
      </c>
      <c r="L38" s="100">
        <v>6.2639970264099468E-2</v>
      </c>
      <c r="M38" s="101">
        <v>3.9350363004825077E-2</v>
      </c>
      <c r="N38" s="100">
        <v>0.77921335738472608</v>
      </c>
      <c r="O38" s="101">
        <v>6.3386578725294379E-2</v>
      </c>
      <c r="P38" s="99">
        <v>167</v>
      </c>
      <c r="Q38" s="100">
        <v>5.1182152200984841E-2</v>
      </c>
      <c r="R38" s="101">
        <v>3.6058558985626321E-2</v>
      </c>
      <c r="S38" s="100">
        <v>5.5618296400971684E-2</v>
      </c>
      <c r="T38" s="101">
        <v>3.7217204416058643E-2</v>
      </c>
      <c r="U38" s="100">
        <v>0.89319955139804341</v>
      </c>
      <c r="V38" s="101">
        <v>4.7996553333725898E-2</v>
      </c>
      <c r="W38" s="99">
        <v>165</v>
      </c>
      <c r="X38" s="100">
        <v>0.11605699734235954</v>
      </c>
      <c r="Y38" s="101">
        <v>4.9886912441216458E-2</v>
      </c>
      <c r="Z38" s="100">
        <v>0.21253338237449254</v>
      </c>
      <c r="AA38" s="101">
        <v>6.2387947604180163E-2</v>
      </c>
      <c r="AB38" s="100">
        <v>0.67140962028314788</v>
      </c>
      <c r="AC38" s="101">
        <v>7.1036649284403897E-2</v>
      </c>
      <c r="AD38" s="99">
        <v>165</v>
      </c>
      <c r="AE38" s="100">
        <v>5.4654442815829068E-2</v>
      </c>
      <c r="AF38" s="101">
        <v>3.7220387628223314E-2</v>
      </c>
      <c r="AG38" s="100">
        <v>5.4552858955044824E-2</v>
      </c>
      <c r="AH38" s="101">
        <v>3.7194038627906149E-2</v>
      </c>
      <c r="AI38" s="100">
        <v>0.8907926982291261</v>
      </c>
      <c r="AJ38" s="101">
        <v>4.8720817813979619E-2</v>
      </c>
    </row>
    <row r="41" spans="1:37" ht="21" customHeight="1">
      <c r="A41" s="331" t="s">
        <v>39</v>
      </c>
      <c r="B41" s="331"/>
      <c r="C41" s="331"/>
      <c r="D41" s="331"/>
      <c r="E41" s="331"/>
      <c r="F41" s="331"/>
      <c r="G41" s="331"/>
      <c r="H41" s="331"/>
      <c r="I41" s="331"/>
      <c r="J41" s="331"/>
      <c r="K41" s="331"/>
      <c r="L41" s="331"/>
      <c r="M41" s="331"/>
      <c r="N41" s="331"/>
      <c r="O41" s="331"/>
      <c r="P41" s="331"/>
      <c r="Q41" s="331"/>
      <c r="R41" s="331"/>
      <c r="S41" s="331"/>
      <c r="T41" s="331"/>
      <c r="U41" s="331"/>
      <c r="V41" s="331"/>
      <c r="W41" s="331"/>
      <c r="X41" s="331"/>
      <c r="Y41" s="331"/>
      <c r="Z41" s="331"/>
      <c r="AA41" s="331"/>
      <c r="AB41" s="331"/>
      <c r="AC41" s="331"/>
      <c r="AD41" s="331"/>
      <c r="AE41" s="331"/>
      <c r="AF41" s="331"/>
      <c r="AG41" s="331"/>
      <c r="AH41" s="331"/>
      <c r="AI41" s="331"/>
      <c r="AJ41" s="331"/>
      <c r="AK41" s="331"/>
    </row>
    <row r="42" spans="1:37" ht="57" customHeight="1">
      <c r="A42" s="337" t="s">
        <v>149</v>
      </c>
      <c r="B42" s="337"/>
      <c r="C42" s="337"/>
      <c r="D42" s="337"/>
      <c r="E42" s="337"/>
      <c r="F42" s="337"/>
      <c r="G42" s="337"/>
      <c r="H42" s="337"/>
      <c r="I42" s="337"/>
      <c r="J42" s="337"/>
      <c r="K42" s="337"/>
      <c r="L42" s="337"/>
      <c r="M42" s="337"/>
      <c r="N42" s="337"/>
      <c r="O42" s="337"/>
      <c r="P42" s="337"/>
      <c r="Q42" s="337"/>
      <c r="R42" s="337"/>
      <c r="S42" s="337"/>
      <c r="T42" s="337"/>
      <c r="U42" s="337"/>
      <c r="V42" s="337"/>
      <c r="W42" s="337"/>
      <c r="X42" s="337"/>
      <c r="Y42" s="337"/>
      <c r="Z42" s="337"/>
      <c r="AA42" s="337"/>
      <c r="AB42" s="337"/>
      <c r="AC42" s="337"/>
      <c r="AD42" s="337"/>
      <c r="AE42" s="337"/>
      <c r="AF42" s="337"/>
      <c r="AG42" s="337"/>
      <c r="AH42" s="337"/>
      <c r="AI42" s="337"/>
      <c r="AJ42" s="337"/>
      <c r="AK42" s="337"/>
    </row>
    <row r="43" spans="1:37" ht="37.5" customHeight="1">
      <c r="A43" s="64"/>
      <c r="B43" s="335" t="s">
        <v>150</v>
      </c>
      <c r="C43" s="335"/>
      <c r="D43" s="335"/>
      <c r="E43" s="335"/>
      <c r="F43" s="335"/>
      <c r="G43" s="335"/>
      <c r="H43" s="335"/>
      <c r="I43" s="335"/>
      <c r="J43" s="335"/>
      <c r="K43" s="335" t="s">
        <v>151</v>
      </c>
      <c r="L43" s="335"/>
      <c r="M43" s="335"/>
      <c r="N43" s="335"/>
      <c r="O43" s="335"/>
      <c r="P43" s="335"/>
      <c r="Q43" s="335"/>
      <c r="R43" s="335"/>
      <c r="S43" s="335"/>
      <c r="T43" s="335" t="s">
        <v>152</v>
      </c>
      <c r="U43" s="335"/>
      <c r="V43" s="335"/>
      <c r="W43" s="335"/>
      <c r="X43" s="335"/>
      <c r="Y43" s="335"/>
      <c r="Z43" s="335"/>
      <c r="AA43" s="335"/>
      <c r="AB43" s="335"/>
      <c r="AC43" s="335" t="s">
        <v>153</v>
      </c>
      <c r="AD43" s="335"/>
      <c r="AE43" s="335"/>
      <c r="AF43" s="335"/>
      <c r="AG43" s="335"/>
      <c r="AH43" s="335"/>
      <c r="AI43" s="335"/>
      <c r="AJ43" s="335"/>
      <c r="AK43" s="335"/>
    </row>
    <row r="44" spans="1:37" ht="51" customHeight="1">
      <c r="A44" s="37" t="s">
        <v>114</v>
      </c>
      <c r="B44" s="38" t="s">
        <v>115</v>
      </c>
      <c r="C44" s="39" t="s">
        <v>116</v>
      </c>
      <c r="D44" s="40" t="s">
        <v>117</v>
      </c>
      <c r="E44" s="65" t="s">
        <v>306</v>
      </c>
      <c r="F44" s="92" t="s">
        <v>154</v>
      </c>
      <c r="G44" s="65" t="s">
        <v>307</v>
      </c>
      <c r="H44" s="92" t="s">
        <v>155</v>
      </c>
      <c r="I44" s="65" t="s">
        <v>308</v>
      </c>
      <c r="J44" s="92" t="s">
        <v>156</v>
      </c>
      <c r="K44" s="38" t="s">
        <v>115</v>
      </c>
      <c r="L44" s="39" t="s">
        <v>116</v>
      </c>
      <c r="M44" s="40" t="s">
        <v>117</v>
      </c>
      <c r="N44" s="65" t="s">
        <v>309</v>
      </c>
      <c r="O44" s="92" t="s">
        <v>157</v>
      </c>
      <c r="P44" s="65" t="s">
        <v>310</v>
      </c>
      <c r="Q44" s="92" t="s">
        <v>158</v>
      </c>
      <c r="R44" s="65" t="s">
        <v>311</v>
      </c>
      <c r="S44" s="92" t="s">
        <v>159</v>
      </c>
      <c r="T44" s="38" t="s">
        <v>115</v>
      </c>
      <c r="U44" s="39" t="s">
        <v>116</v>
      </c>
      <c r="V44" s="40" t="s">
        <v>117</v>
      </c>
      <c r="W44" s="65" t="s">
        <v>312</v>
      </c>
      <c r="X44" s="92" t="s">
        <v>160</v>
      </c>
      <c r="Y44" s="65" t="s">
        <v>313</v>
      </c>
      <c r="Z44" s="92" t="s">
        <v>161</v>
      </c>
      <c r="AA44" s="65" t="s">
        <v>314</v>
      </c>
      <c r="AB44" s="92" t="s">
        <v>162</v>
      </c>
      <c r="AC44" s="38" t="s">
        <v>115</v>
      </c>
      <c r="AD44" s="39" t="s">
        <v>116</v>
      </c>
      <c r="AE44" s="40" t="s">
        <v>117</v>
      </c>
      <c r="AF44" s="65" t="s">
        <v>315</v>
      </c>
      <c r="AG44" s="92" t="s">
        <v>163</v>
      </c>
      <c r="AH44" s="65" t="s">
        <v>316</v>
      </c>
      <c r="AI44" s="92" t="s">
        <v>164</v>
      </c>
      <c r="AJ44" s="65" t="s">
        <v>317</v>
      </c>
      <c r="AK44" s="92" t="s">
        <v>165</v>
      </c>
    </row>
    <row r="45" spans="1:37" ht="72">
      <c r="A45" s="41"/>
      <c r="B45" s="42" t="s">
        <v>118</v>
      </c>
      <c r="C45" s="43" t="s">
        <v>166</v>
      </c>
      <c r="D45" s="44" t="s">
        <v>120</v>
      </c>
      <c r="E45" s="68" t="s">
        <v>303</v>
      </c>
      <c r="F45" s="94" t="s">
        <v>148</v>
      </c>
      <c r="G45" s="68" t="s">
        <v>304</v>
      </c>
      <c r="H45" s="94" t="s">
        <v>148</v>
      </c>
      <c r="I45" s="68" t="s">
        <v>305</v>
      </c>
      <c r="J45" s="94" t="s">
        <v>148</v>
      </c>
      <c r="K45" s="42" t="s">
        <v>118</v>
      </c>
      <c r="L45" s="43" t="s">
        <v>166</v>
      </c>
      <c r="M45" s="44" t="s">
        <v>120</v>
      </c>
      <c r="N45" s="68" t="s">
        <v>303</v>
      </c>
      <c r="O45" s="94" t="s">
        <v>148</v>
      </c>
      <c r="P45" s="68" t="s">
        <v>304</v>
      </c>
      <c r="Q45" s="94" t="s">
        <v>148</v>
      </c>
      <c r="R45" s="68" t="s">
        <v>305</v>
      </c>
      <c r="S45" s="94" t="s">
        <v>148</v>
      </c>
      <c r="T45" s="42" t="s">
        <v>118</v>
      </c>
      <c r="U45" s="43" t="s">
        <v>166</v>
      </c>
      <c r="V45" s="44" t="s">
        <v>120</v>
      </c>
      <c r="W45" s="68" t="s">
        <v>303</v>
      </c>
      <c r="X45" s="94" t="s">
        <v>148</v>
      </c>
      <c r="Y45" s="68" t="s">
        <v>304</v>
      </c>
      <c r="Z45" s="94" t="s">
        <v>148</v>
      </c>
      <c r="AA45" s="68" t="s">
        <v>305</v>
      </c>
      <c r="AB45" s="94" t="s">
        <v>148</v>
      </c>
      <c r="AC45" s="42" t="s">
        <v>118</v>
      </c>
      <c r="AD45" s="43" t="s">
        <v>166</v>
      </c>
      <c r="AE45" s="44" t="s">
        <v>120</v>
      </c>
      <c r="AF45" s="68" t="s">
        <v>303</v>
      </c>
      <c r="AG45" s="94" t="s">
        <v>148</v>
      </c>
      <c r="AH45" s="68" t="s">
        <v>304</v>
      </c>
      <c r="AI45" s="94" t="s">
        <v>148</v>
      </c>
      <c r="AJ45" s="68" t="s">
        <v>305</v>
      </c>
      <c r="AK45" s="94" t="s">
        <v>148</v>
      </c>
    </row>
    <row r="46" spans="1:37">
      <c r="A46" s="45" t="s">
        <v>449</v>
      </c>
      <c r="B46" s="105">
        <v>12912</v>
      </c>
      <c r="C46" s="106">
        <v>4.6728331768312366</v>
      </c>
      <c r="D46" s="107">
        <v>4.6635506950834404E-2</v>
      </c>
      <c r="E46" s="108">
        <v>0.20229240684951083</v>
      </c>
      <c r="F46" s="98">
        <v>6.9291115627588551E-3</v>
      </c>
      <c r="G46" s="108">
        <v>0.23467965841125618</v>
      </c>
      <c r="H46" s="98">
        <v>7.3097766314780118E-3</v>
      </c>
      <c r="I46" s="108">
        <v>0.56302793473923296</v>
      </c>
      <c r="J46" s="98">
        <v>8.5543306533473109E-3</v>
      </c>
      <c r="K46" s="105">
        <v>13048</v>
      </c>
      <c r="L46" s="106">
        <v>4.9708498785165478</v>
      </c>
      <c r="M46" s="107">
        <v>4.035666651789338E-2</v>
      </c>
      <c r="N46" s="108">
        <v>0.12215338956206258</v>
      </c>
      <c r="O46" s="98">
        <v>5.6202640912948344E-3</v>
      </c>
      <c r="P46" s="108">
        <v>0.22798362448277359</v>
      </c>
      <c r="Q46" s="98">
        <v>7.198442826195835E-3</v>
      </c>
      <c r="R46" s="108">
        <v>0.64986298595516379</v>
      </c>
      <c r="S46" s="98">
        <v>8.1839051271273711E-3</v>
      </c>
      <c r="T46" s="105">
        <v>12244</v>
      </c>
      <c r="U46" s="106">
        <v>4.2142447960169704</v>
      </c>
      <c r="V46" s="107">
        <v>4.7843067177924858E-2</v>
      </c>
      <c r="W46" s="108">
        <v>0.30880084687872184</v>
      </c>
      <c r="X46" s="98">
        <v>8.0600769107167028E-3</v>
      </c>
      <c r="Y46" s="108">
        <v>0.24243354262826453</v>
      </c>
      <c r="Z46" s="98">
        <v>7.4770657482799516E-3</v>
      </c>
      <c r="AA46" s="108">
        <v>0.44876561049301367</v>
      </c>
      <c r="AB46" s="98">
        <v>8.6766919063489441E-3</v>
      </c>
      <c r="AC46" s="105">
        <v>12674</v>
      </c>
      <c r="AD46" s="106">
        <v>5.142952801055749</v>
      </c>
      <c r="AE46" s="107">
        <v>4.1919704569256311E-2</v>
      </c>
      <c r="AF46" s="108">
        <v>0.11153950901931568</v>
      </c>
      <c r="AG46" s="98">
        <v>5.3980585808139281E-3</v>
      </c>
      <c r="AH46" s="108">
        <v>0.20421495557018712</v>
      </c>
      <c r="AI46" s="98">
        <v>6.9105905466342096E-3</v>
      </c>
      <c r="AJ46" s="108">
        <v>0.68424553541049715</v>
      </c>
      <c r="AK46" s="98">
        <v>7.9671613710766195E-3</v>
      </c>
    </row>
    <row r="47" spans="1:37">
      <c r="A47" s="49" t="s">
        <v>450</v>
      </c>
      <c r="B47" s="109">
        <v>3557</v>
      </c>
      <c r="C47" s="110">
        <v>4.6422052283359294</v>
      </c>
      <c r="D47" s="111">
        <v>8.706716503427625E-2</v>
      </c>
      <c r="E47" s="112">
        <v>0.20536691329509457</v>
      </c>
      <c r="F47" s="101">
        <v>1.3276324057317891E-2</v>
      </c>
      <c r="G47" s="112">
        <v>0.24322612033036564</v>
      </c>
      <c r="H47" s="101">
        <v>1.4097199034906197E-2</v>
      </c>
      <c r="I47" s="112">
        <v>0.55140696637453979</v>
      </c>
      <c r="J47" s="101">
        <v>1.6335697405644525E-2</v>
      </c>
      <c r="K47" s="109">
        <v>3578</v>
      </c>
      <c r="L47" s="110">
        <v>4.8697727915166444</v>
      </c>
      <c r="M47" s="111">
        <v>7.7005316614048525E-2</v>
      </c>
      <c r="N47" s="112">
        <v>0.14067493140722262</v>
      </c>
      <c r="O47" s="101">
        <v>1.1399805978014668E-2</v>
      </c>
      <c r="P47" s="112">
        <v>0.24013257914598787</v>
      </c>
      <c r="Q47" s="101">
        <v>1.3994811350250684E-2</v>
      </c>
      <c r="R47" s="112">
        <v>0.61919248944678951</v>
      </c>
      <c r="S47" s="101">
        <v>1.5903330162145894E-2</v>
      </c>
      <c r="T47" s="109">
        <v>3340</v>
      </c>
      <c r="U47" s="110">
        <v>4.0884563783790719</v>
      </c>
      <c r="V47" s="111">
        <v>8.9374638812661722E-2</v>
      </c>
      <c r="W47" s="112">
        <v>0.33323696134707992</v>
      </c>
      <c r="X47" s="101">
        <v>1.5713348772318822E-2</v>
      </c>
      <c r="Y47" s="112">
        <v>0.25457361485205243</v>
      </c>
      <c r="Z47" s="101">
        <v>1.4524860113093035E-2</v>
      </c>
      <c r="AA47" s="112">
        <v>0.41218942380086765</v>
      </c>
      <c r="AB47" s="101">
        <v>1.6406905418899619E-2</v>
      </c>
      <c r="AC47" s="109">
        <v>3464</v>
      </c>
      <c r="AD47" s="110">
        <v>5.1383689470244605</v>
      </c>
      <c r="AE47" s="111">
        <v>7.7738452324248364E-2</v>
      </c>
      <c r="AF47" s="112">
        <v>0.1016557350631032</v>
      </c>
      <c r="AG47" s="101">
        <v>9.9031689248454229E-3</v>
      </c>
      <c r="AH47" s="112">
        <v>0.20990686252031149</v>
      </c>
      <c r="AI47" s="101">
        <v>1.3327418251988656E-2</v>
      </c>
      <c r="AJ47" s="112">
        <v>0.68843740241658524</v>
      </c>
      <c r="AK47" s="101">
        <v>1.5150720327877161E-2</v>
      </c>
    </row>
    <row r="48" spans="1:37">
      <c r="A48" s="53" t="s">
        <v>451</v>
      </c>
      <c r="B48" s="83">
        <v>281</v>
      </c>
      <c r="C48" s="84">
        <v>4.8644004582411053</v>
      </c>
      <c r="D48" s="85">
        <v>0.27356644214787362</v>
      </c>
      <c r="E48" s="102">
        <v>0.19569582650768216</v>
      </c>
      <c r="F48" s="98">
        <v>4.6437257581495084E-2</v>
      </c>
      <c r="G48" s="102">
        <v>0.21555323470539686</v>
      </c>
      <c r="H48" s="98">
        <v>4.8058441680675461E-2</v>
      </c>
      <c r="I48" s="102">
        <v>0.58875093878692097</v>
      </c>
      <c r="J48" s="98">
        <v>5.715427503236345E-2</v>
      </c>
      <c r="K48" s="83">
        <v>282</v>
      </c>
      <c r="L48" s="84">
        <v>4.8745684607126814</v>
      </c>
      <c r="M48" s="85">
        <v>0.2341336683553541</v>
      </c>
      <c r="N48" s="102">
        <v>0.13890902423768592</v>
      </c>
      <c r="O48" s="98">
        <v>4.0685537604940016E-2</v>
      </c>
      <c r="P48" s="102">
        <v>0.23705655800318856</v>
      </c>
      <c r="Q48" s="98">
        <v>4.9549445842164065E-2</v>
      </c>
      <c r="R48" s="102">
        <v>0.62403441775912549</v>
      </c>
      <c r="S48" s="98">
        <v>5.618838145473911E-2</v>
      </c>
      <c r="T48" s="83">
        <v>269</v>
      </c>
      <c r="U48" s="84">
        <v>4.4723405986947444</v>
      </c>
      <c r="V48" s="85">
        <v>0.30143554841229481</v>
      </c>
      <c r="W48" s="102">
        <v>0.27552099230178212</v>
      </c>
      <c r="X48" s="98">
        <v>5.3192916006905448E-2</v>
      </c>
      <c r="Y48" s="102">
        <v>0.20629750610324873</v>
      </c>
      <c r="Z48" s="98">
        <v>4.8367442812980443E-2</v>
      </c>
      <c r="AA48" s="102">
        <v>0.51818150159496912</v>
      </c>
      <c r="AB48" s="98">
        <v>5.9274213288797249E-2</v>
      </c>
      <c r="AC48" s="83">
        <v>282</v>
      </c>
      <c r="AD48" s="84">
        <v>5.2001061907960917</v>
      </c>
      <c r="AE48" s="85">
        <v>0.22856443922994529</v>
      </c>
      <c r="AF48" s="102">
        <v>8.2585444797937974E-2</v>
      </c>
      <c r="AG48" s="98">
        <v>3.29043463245733E-2</v>
      </c>
      <c r="AH48" s="102">
        <v>0.21478276629546217</v>
      </c>
      <c r="AI48" s="98">
        <v>4.7913477646812141E-2</v>
      </c>
      <c r="AJ48" s="102">
        <v>0.70263178890659983</v>
      </c>
      <c r="AK48" s="98">
        <v>5.3121005337653626E-2</v>
      </c>
    </row>
    <row r="49" spans="1:37">
      <c r="A49" s="49" t="s">
        <v>452</v>
      </c>
      <c r="B49" s="109">
        <v>174</v>
      </c>
      <c r="C49" s="110">
        <v>4.6837101747149008</v>
      </c>
      <c r="D49" s="111">
        <v>0.30750204640286771</v>
      </c>
      <c r="E49" s="112">
        <v>0.17613010770738763</v>
      </c>
      <c r="F49" s="101">
        <v>5.6853583579095847E-2</v>
      </c>
      <c r="G49" s="112">
        <v>0.30134813750844247</v>
      </c>
      <c r="H49" s="101">
        <v>6.7688045166785699E-2</v>
      </c>
      <c r="I49" s="112">
        <v>0.52252175478416985</v>
      </c>
      <c r="J49" s="101">
        <v>7.3382866218190068E-2</v>
      </c>
      <c r="K49" s="109">
        <v>179</v>
      </c>
      <c r="L49" s="110">
        <v>5.0489039701263234</v>
      </c>
      <c r="M49" s="111">
        <v>0.26150510098107294</v>
      </c>
      <c r="N49" s="112">
        <v>9.4861601535995085E-2</v>
      </c>
      <c r="O49" s="101">
        <v>4.4175170848621298E-2</v>
      </c>
      <c r="P49" s="112">
        <v>0.25449123394269135</v>
      </c>
      <c r="Q49" s="101">
        <v>6.354126411940926E-2</v>
      </c>
      <c r="R49" s="112">
        <v>0.65064716452131355</v>
      </c>
      <c r="S49" s="101">
        <v>6.9226254213200542E-2</v>
      </c>
      <c r="T49" s="109">
        <v>172</v>
      </c>
      <c r="U49" s="110">
        <v>3.8873591822732454</v>
      </c>
      <c r="V49" s="111">
        <v>0.36758727810731928</v>
      </c>
      <c r="W49" s="112">
        <v>0.35532757670552401</v>
      </c>
      <c r="X49" s="101">
        <v>7.0855492159978967E-2</v>
      </c>
      <c r="Y49" s="112">
        <v>0.26342928038207325</v>
      </c>
      <c r="Z49" s="101">
        <v>6.5499120540478406E-2</v>
      </c>
      <c r="AA49" s="112">
        <v>0.3812431429124028</v>
      </c>
      <c r="AB49" s="101">
        <v>7.1852748322812396E-2</v>
      </c>
      <c r="AC49" s="109">
        <v>181</v>
      </c>
      <c r="AD49" s="110">
        <v>5.413610377712847</v>
      </c>
      <c r="AE49" s="111">
        <v>0.25838493396359219</v>
      </c>
      <c r="AF49" s="112">
        <v>5.8781314317999676E-2</v>
      </c>
      <c r="AG49" s="101">
        <v>3.6356409907137878E-2</v>
      </c>
      <c r="AH49" s="112">
        <v>0.20451160729269938</v>
      </c>
      <c r="AI49" s="101">
        <v>5.8786138061040771E-2</v>
      </c>
      <c r="AJ49" s="112">
        <v>0.73670707838930094</v>
      </c>
      <c r="AK49" s="101">
        <v>6.3856322062408502E-2</v>
      </c>
    </row>
    <row r="50" spans="1:37">
      <c r="A50" s="57" t="s">
        <v>453</v>
      </c>
      <c r="B50" s="105">
        <v>361</v>
      </c>
      <c r="C50" s="106">
        <v>4.9826754757810061</v>
      </c>
      <c r="D50" s="107">
        <v>0.25612980825207288</v>
      </c>
      <c r="E50" s="108">
        <v>9.8842693974292406E-2</v>
      </c>
      <c r="F50" s="98">
        <v>3.1215462603296513E-2</v>
      </c>
      <c r="G50" s="108">
        <v>0.26556553172597053</v>
      </c>
      <c r="H50" s="98">
        <v>4.5446633260045929E-2</v>
      </c>
      <c r="I50" s="108">
        <v>0.63559177429973712</v>
      </c>
      <c r="J50" s="98">
        <v>4.9416075886946235E-2</v>
      </c>
      <c r="K50" s="105">
        <v>362</v>
      </c>
      <c r="L50" s="106">
        <v>5.0370974443028498</v>
      </c>
      <c r="M50" s="107">
        <v>0.22888153446586212</v>
      </c>
      <c r="N50" s="108">
        <v>7.4954183423337928E-2</v>
      </c>
      <c r="O50" s="98">
        <v>2.7730589616846942E-2</v>
      </c>
      <c r="P50" s="108">
        <v>0.23742056638831735</v>
      </c>
      <c r="Q50" s="98">
        <v>4.3773117321978375E-2</v>
      </c>
      <c r="R50" s="108">
        <v>0.68762525018834475</v>
      </c>
      <c r="S50" s="98">
        <v>4.7566550898970231E-2</v>
      </c>
      <c r="T50" s="105">
        <v>352</v>
      </c>
      <c r="U50" s="106">
        <v>4.3359826064990177</v>
      </c>
      <c r="V50" s="107">
        <v>0.28042376634306532</v>
      </c>
      <c r="W50" s="108">
        <v>0.24863155776300705</v>
      </c>
      <c r="X50" s="98">
        <v>4.5068250130054499E-2</v>
      </c>
      <c r="Y50" s="108">
        <v>0.2828782389585297</v>
      </c>
      <c r="Z50" s="98">
        <v>4.6908548290492659E-2</v>
      </c>
      <c r="AA50" s="108">
        <v>0.46849020327846325</v>
      </c>
      <c r="AB50" s="98">
        <v>5.1838963910275558E-2</v>
      </c>
      <c r="AC50" s="105">
        <v>360</v>
      </c>
      <c r="AD50" s="106">
        <v>5.3333270591773196</v>
      </c>
      <c r="AE50" s="107">
        <v>0.23412878900207446</v>
      </c>
      <c r="AF50" s="108">
        <v>7.4388769730898752E-2</v>
      </c>
      <c r="AG50" s="98">
        <v>2.7721329545579883E-2</v>
      </c>
      <c r="AH50" s="108">
        <v>0.19176173188687504</v>
      </c>
      <c r="AI50" s="98">
        <v>4.0714233179966954E-2</v>
      </c>
      <c r="AJ50" s="108">
        <v>0.73384949838222624</v>
      </c>
      <c r="AK50" s="98">
        <v>4.5540454870878086E-2</v>
      </c>
    </row>
    <row r="51" spans="1:37">
      <c r="A51" s="49" t="s">
        <v>454</v>
      </c>
      <c r="B51" s="109">
        <v>714</v>
      </c>
      <c r="C51" s="110">
        <v>4.4612553694418215</v>
      </c>
      <c r="D51" s="111">
        <v>0.17743726763471734</v>
      </c>
      <c r="E51" s="112">
        <v>0.21693701092773257</v>
      </c>
      <c r="F51" s="101">
        <v>3.0226931216887128E-2</v>
      </c>
      <c r="G51" s="112">
        <v>0.31626681810705137</v>
      </c>
      <c r="H51" s="101">
        <v>3.4043979529005758E-2</v>
      </c>
      <c r="I51" s="112">
        <v>0.46679617096521603</v>
      </c>
      <c r="J51" s="101">
        <v>3.6493440419290542E-2</v>
      </c>
      <c r="K51" s="109">
        <v>715</v>
      </c>
      <c r="L51" s="110">
        <v>4.7179843037285245</v>
      </c>
      <c r="M51" s="111">
        <v>0.17401404923745556</v>
      </c>
      <c r="N51" s="112">
        <v>0.16728636370390096</v>
      </c>
      <c r="O51" s="101">
        <v>2.7401604823603487E-2</v>
      </c>
      <c r="P51" s="112">
        <v>0.26997923979922439</v>
      </c>
      <c r="Q51" s="101">
        <v>3.2499019718007123E-2</v>
      </c>
      <c r="R51" s="112">
        <v>0.56273439649687473</v>
      </c>
      <c r="S51" s="101">
        <v>3.6262233301737286E-2</v>
      </c>
      <c r="T51" s="109">
        <v>693</v>
      </c>
      <c r="U51" s="110">
        <v>3.773470675970179</v>
      </c>
      <c r="V51" s="111">
        <v>0.15836974786986824</v>
      </c>
      <c r="W51" s="112">
        <v>0.39704356359160764</v>
      </c>
      <c r="X51" s="101">
        <v>3.6333876963223481E-2</v>
      </c>
      <c r="Y51" s="112">
        <v>0.32344377236403943</v>
      </c>
      <c r="Z51" s="101">
        <v>3.4757198017633523E-2</v>
      </c>
      <c r="AA51" s="112">
        <v>0.27951266404435293</v>
      </c>
      <c r="AB51" s="101">
        <v>3.3362048470302115E-2</v>
      </c>
      <c r="AC51" s="109">
        <v>719</v>
      </c>
      <c r="AD51" s="110">
        <v>5.0287497178115421</v>
      </c>
      <c r="AE51" s="111">
        <v>0.17289742043886847</v>
      </c>
      <c r="AF51" s="112">
        <v>9.4541162296889511E-2</v>
      </c>
      <c r="AG51" s="101">
        <v>2.155188435652183E-2</v>
      </c>
      <c r="AH51" s="112">
        <v>0.26261702504647089</v>
      </c>
      <c r="AI51" s="101">
        <v>3.2128543920546072E-2</v>
      </c>
      <c r="AJ51" s="112">
        <v>0.64284181265663953</v>
      </c>
      <c r="AK51" s="101">
        <v>3.4944764490197018E-2</v>
      </c>
    </row>
    <row r="52" spans="1:37">
      <c r="A52" s="57" t="s">
        <v>455</v>
      </c>
      <c r="B52" s="105">
        <v>215</v>
      </c>
      <c r="C52" s="106">
        <v>4.428554644382551</v>
      </c>
      <c r="D52" s="107">
        <v>0.36057922515354068</v>
      </c>
      <c r="E52" s="108">
        <v>0.23183070567845795</v>
      </c>
      <c r="F52" s="98">
        <v>5.6298780070453226E-2</v>
      </c>
      <c r="G52" s="108">
        <v>0.20818498334777055</v>
      </c>
      <c r="H52" s="98">
        <v>5.4274194343811158E-2</v>
      </c>
      <c r="I52" s="108">
        <v>0.55998431097377144</v>
      </c>
      <c r="J52" s="98">
        <v>6.5761357435635479E-2</v>
      </c>
      <c r="K52" s="105">
        <v>218</v>
      </c>
      <c r="L52" s="106">
        <v>4.7142815046392608</v>
      </c>
      <c r="M52" s="107">
        <v>0.30857069482583732</v>
      </c>
      <c r="N52" s="108">
        <v>0.16645875044393657</v>
      </c>
      <c r="O52" s="98">
        <v>4.9696607962489425E-2</v>
      </c>
      <c r="P52" s="108">
        <v>0.23388416522820191</v>
      </c>
      <c r="Q52" s="98">
        <v>5.6075172960162588E-2</v>
      </c>
      <c r="R52" s="108">
        <v>0.59965708432786158</v>
      </c>
      <c r="S52" s="98">
        <v>6.450118768255933E-2</v>
      </c>
      <c r="T52" s="105">
        <v>214</v>
      </c>
      <c r="U52" s="106">
        <v>4.0836954311956308</v>
      </c>
      <c r="V52" s="107">
        <v>0.40031039524422374</v>
      </c>
      <c r="W52" s="108">
        <v>0.3523278076588946</v>
      </c>
      <c r="X52" s="98">
        <v>6.3523166638681156E-2</v>
      </c>
      <c r="Y52" s="108">
        <v>0.20951835490061999</v>
      </c>
      <c r="Z52" s="98">
        <v>5.4521848061550186E-2</v>
      </c>
      <c r="AA52" s="108">
        <v>0.43815383744048547</v>
      </c>
      <c r="AB52" s="98">
        <v>6.5882866583427013E-2</v>
      </c>
      <c r="AC52" s="105">
        <v>218</v>
      </c>
      <c r="AD52" s="106">
        <v>5.0280250078566455</v>
      </c>
      <c r="AE52" s="107">
        <v>0.35889008783184106</v>
      </c>
      <c r="AF52" s="108">
        <v>0.13401841791654784</v>
      </c>
      <c r="AG52" s="98">
        <v>4.5728430805709624E-2</v>
      </c>
      <c r="AH52" s="108">
        <v>0.22786744375375306</v>
      </c>
      <c r="AI52" s="98">
        <v>5.5591238784140677E-2</v>
      </c>
      <c r="AJ52" s="108">
        <v>0.6381141383296991</v>
      </c>
      <c r="AK52" s="98">
        <v>6.3307360098068421E-2</v>
      </c>
    </row>
    <row r="53" spans="1:37">
      <c r="A53" s="49" t="s">
        <v>456</v>
      </c>
      <c r="B53" s="109">
        <v>673</v>
      </c>
      <c r="C53" s="110">
        <v>4.9362420763476003</v>
      </c>
      <c r="D53" s="111">
        <v>0.17140243102363506</v>
      </c>
      <c r="E53" s="112">
        <v>0.14046624271694069</v>
      </c>
      <c r="F53" s="101">
        <v>2.6339116464054253E-2</v>
      </c>
      <c r="G53" s="112">
        <v>0.20394053802040846</v>
      </c>
      <c r="H53" s="101">
        <v>3.0448308433474489E-2</v>
      </c>
      <c r="I53" s="112">
        <v>0.65559321926265079</v>
      </c>
      <c r="J53" s="101">
        <v>3.5816978794565649E-2</v>
      </c>
      <c r="K53" s="109">
        <v>670</v>
      </c>
      <c r="L53" s="110">
        <v>4.9240398882766678</v>
      </c>
      <c r="M53" s="111">
        <v>0.15641436860058455</v>
      </c>
      <c r="N53" s="112">
        <v>0.10937294401541724</v>
      </c>
      <c r="O53" s="101">
        <v>2.3780314453501154E-2</v>
      </c>
      <c r="P53" s="112">
        <v>0.25115107678729703</v>
      </c>
      <c r="Q53" s="101">
        <v>3.2804636810439013E-2</v>
      </c>
      <c r="R53" s="112">
        <v>0.63947597919728572</v>
      </c>
      <c r="S53" s="101">
        <v>3.6267871896960797E-2</v>
      </c>
      <c r="T53" s="109">
        <v>645</v>
      </c>
      <c r="U53" s="110">
        <v>4.4044244324081596</v>
      </c>
      <c r="V53" s="111">
        <v>0.19768271266256132</v>
      </c>
      <c r="W53" s="112">
        <v>0.25646882339131472</v>
      </c>
      <c r="X53" s="101">
        <v>3.3661149234347328E-2</v>
      </c>
      <c r="Y53" s="112">
        <v>0.24107367083043565</v>
      </c>
      <c r="Z53" s="101">
        <v>3.2982536809528125E-2</v>
      </c>
      <c r="AA53" s="112">
        <v>0.50245750577824966</v>
      </c>
      <c r="AB53" s="101">
        <v>3.8467905987457349E-2</v>
      </c>
      <c r="AC53" s="109">
        <v>679</v>
      </c>
      <c r="AD53" s="110">
        <v>5.1483518192759465</v>
      </c>
      <c r="AE53" s="111">
        <v>0.16552456387506265</v>
      </c>
      <c r="AF53" s="112">
        <v>9.6291756403518558E-2</v>
      </c>
      <c r="AG53" s="101">
        <v>2.2364176638500356E-2</v>
      </c>
      <c r="AH53" s="112">
        <v>0.17917956692691206</v>
      </c>
      <c r="AI53" s="101">
        <v>2.8878961911092599E-2</v>
      </c>
      <c r="AJ53" s="112">
        <v>0.72452867666956933</v>
      </c>
      <c r="AK53" s="101">
        <v>3.3554542876477314E-2</v>
      </c>
    </row>
    <row r="54" spans="1:37">
      <c r="A54" s="57" t="s">
        <v>457</v>
      </c>
      <c r="B54" s="105">
        <v>207</v>
      </c>
      <c r="C54" s="106">
        <v>5.2906194561546815</v>
      </c>
      <c r="D54" s="107">
        <v>0.34187966840978845</v>
      </c>
      <c r="E54" s="108">
        <v>0.10298539545765888</v>
      </c>
      <c r="F54" s="98">
        <v>4.2304752642981537E-2</v>
      </c>
      <c r="G54" s="108">
        <v>0.22085233979885907</v>
      </c>
      <c r="H54" s="98">
        <v>5.6446577900267358E-2</v>
      </c>
      <c r="I54" s="108">
        <v>0.67616226474348207</v>
      </c>
      <c r="J54" s="98">
        <v>6.3307730505668944E-2</v>
      </c>
      <c r="K54" s="105">
        <v>211</v>
      </c>
      <c r="L54" s="106">
        <v>5.2438098516846736</v>
      </c>
      <c r="M54" s="107">
        <v>0.33147770995381176</v>
      </c>
      <c r="N54" s="108">
        <v>0.1061511408717553</v>
      </c>
      <c r="O54" s="98">
        <v>4.239731692974151E-2</v>
      </c>
      <c r="P54" s="108">
        <v>0.21973021619462979</v>
      </c>
      <c r="Q54" s="98">
        <v>5.581371854003541E-2</v>
      </c>
      <c r="R54" s="108">
        <v>0.6741186429336149</v>
      </c>
      <c r="S54" s="98">
        <v>6.2811137884709989E-2</v>
      </c>
      <c r="T54" s="105">
        <v>203</v>
      </c>
      <c r="U54" s="106">
        <v>4.8006727689628192</v>
      </c>
      <c r="V54" s="107">
        <v>0.31684803993737365</v>
      </c>
      <c r="W54" s="108">
        <v>0.16974569760772343</v>
      </c>
      <c r="X54" s="98">
        <v>5.1893673251827824E-2</v>
      </c>
      <c r="Y54" s="108">
        <v>0.26450010829429771</v>
      </c>
      <c r="Z54" s="98">
        <v>6.0413174332798546E-2</v>
      </c>
      <c r="AA54" s="108">
        <v>0.56575419409797878</v>
      </c>
      <c r="AB54" s="98">
        <v>6.7545873442157539E-2</v>
      </c>
      <c r="AC54" s="105">
        <v>212</v>
      </c>
      <c r="AD54" s="106">
        <v>5.5863533611663314</v>
      </c>
      <c r="AE54" s="107">
        <v>0.29057702766805882</v>
      </c>
      <c r="AF54" s="113">
        <v>3.9832786009667241E-2</v>
      </c>
      <c r="AG54" s="98">
        <v>2.8607823768458461E-2</v>
      </c>
      <c r="AH54" s="108">
        <v>0.18380022087395359</v>
      </c>
      <c r="AI54" s="98">
        <v>5.2281374866356381E-2</v>
      </c>
      <c r="AJ54" s="108">
        <v>0.77636699311637913</v>
      </c>
      <c r="AK54" s="98">
        <v>5.6015465071735084E-2</v>
      </c>
    </row>
    <row r="55" spans="1:37">
      <c r="A55" s="49" t="s">
        <v>458</v>
      </c>
      <c r="B55" s="109">
        <v>296</v>
      </c>
      <c r="C55" s="110">
        <v>4.5031888994191931</v>
      </c>
      <c r="D55" s="111">
        <v>0.3053033782623249</v>
      </c>
      <c r="E55" s="112">
        <v>0.23790025991587399</v>
      </c>
      <c r="F55" s="101">
        <v>4.8424749458323632E-2</v>
      </c>
      <c r="G55" s="112">
        <v>0.29375988982632617</v>
      </c>
      <c r="H55" s="101">
        <v>5.1682555306802436E-2</v>
      </c>
      <c r="I55" s="112">
        <v>0.46833985025779984</v>
      </c>
      <c r="J55" s="101">
        <v>5.646979471917541E-2</v>
      </c>
      <c r="K55" s="109">
        <v>299</v>
      </c>
      <c r="L55" s="110">
        <v>5.0622437580400206</v>
      </c>
      <c r="M55" s="111">
        <v>0.27734502558123442</v>
      </c>
      <c r="N55" s="112">
        <v>0.11623366559477526</v>
      </c>
      <c r="O55" s="101">
        <v>3.6760829083038897E-2</v>
      </c>
      <c r="P55" s="112">
        <v>0.2205862341570034</v>
      </c>
      <c r="Q55" s="101">
        <v>4.6965504376103168E-2</v>
      </c>
      <c r="R55" s="112">
        <v>0.66318010024822138</v>
      </c>
      <c r="S55" s="101">
        <v>5.3300005150538267E-2</v>
      </c>
      <c r="T55" s="109">
        <v>281</v>
      </c>
      <c r="U55" s="110">
        <v>4.2657138628605118</v>
      </c>
      <c r="V55" s="111">
        <v>0.29593258036868697</v>
      </c>
      <c r="W55" s="112">
        <v>0.25858030429121226</v>
      </c>
      <c r="X55" s="101">
        <v>5.1049995474195788E-2</v>
      </c>
      <c r="Y55" s="112">
        <v>0.32209024436415495</v>
      </c>
      <c r="Z55" s="101">
        <v>5.4360568220985145E-2</v>
      </c>
      <c r="AA55" s="112">
        <v>0.41932945134463279</v>
      </c>
      <c r="AB55" s="101">
        <v>5.7310992460130862E-2</v>
      </c>
      <c r="AC55" s="109">
        <v>298</v>
      </c>
      <c r="AD55" s="110">
        <v>5.1075562596174624</v>
      </c>
      <c r="AE55" s="111">
        <v>0.29193555005408811</v>
      </c>
      <c r="AF55" s="112">
        <v>0.12024267161312624</v>
      </c>
      <c r="AG55" s="101">
        <v>3.7335069680986273E-2</v>
      </c>
      <c r="AH55" s="112">
        <v>0.1952729794665011</v>
      </c>
      <c r="AI55" s="101">
        <v>4.5055582558153215E-2</v>
      </c>
      <c r="AJ55" s="112">
        <v>0.68448434892037258</v>
      </c>
      <c r="AK55" s="101">
        <v>5.2522266367582081E-2</v>
      </c>
    </row>
    <row r="56" spans="1:37">
      <c r="A56" s="57" t="s">
        <v>459</v>
      </c>
      <c r="B56" s="105">
        <v>459</v>
      </c>
      <c r="C56" s="106">
        <v>4.1036445104952</v>
      </c>
      <c r="D56" s="107">
        <v>0.25767091145176924</v>
      </c>
      <c r="E56" s="108">
        <v>0.34754797404690396</v>
      </c>
      <c r="F56" s="98">
        <v>4.3414001018029079E-2</v>
      </c>
      <c r="G56" s="108">
        <v>0.20527570807038698</v>
      </c>
      <c r="H56" s="98">
        <v>3.6959208713874377E-2</v>
      </c>
      <c r="I56" s="108">
        <v>0.44717631788270912</v>
      </c>
      <c r="J56" s="98">
        <v>4.5293977124752069E-2</v>
      </c>
      <c r="K56" s="105">
        <v>464</v>
      </c>
      <c r="L56" s="106">
        <v>4.642912801948226</v>
      </c>
      <c r="M56" s="107">
        <v>0.2289970783538573</v>
      </c>
      <c r="N56" s="108">
        <v>0.22785615680481053</v>
      </c>
      <c r="O56" s="98">
        <v>3.813844390747876E-2</v>
      </c>
      <c r="P56" s="108">
        <v>0.20879091777242684</v>
      </c>
      <c r="Q56" s="98">
        <v>3.6984834414411111E-2</v>
      </c>
      <c r="R56" s="108">
        <v>0.56335292542276261</v>
      </c>
      <c r="S56" s="98">
        <v>4.4941648309817145E-2</v>
      </c>
      <c r="T56" s="105">
        <v>450</v>
      </c>
      <c r="U56" s="106">
        <v>3.4357711686061894</v>
      </c>
      <c r="V56" s="107">
        <v>0.23076362170854825</v>
      </c>
      <c r="W56" s="108">
        <v>0.51457382639824634</v>
      </c>
      <c r="X56" s="98">
        <v>4.5974479906751312E-2</v>
      </c>
      <c r="Y56" s="108">
        <v>0.18881934831190467</v>
      </c>
      <c r="Z56" s="98">
        <v>3.6199731145927082E-2</v>
      </c>
      <c r="AA56" s="108">
        <v>0.29660682528984894</v>
      </c>
      <c r="AB56" s="98">
        <v>4.2089314987119889E-2</v>
      </c>
      <c r="AC56" s="105">
        <v>460</v>
      </c>
      <c r="AD56" s="106">
        <v>4.9527414208191045</v>
      </c>
      <c r="AE56" s="107">
        <v>0.22655835642530331</v>
      </c>
      <c r="AF56" s="113">
        <v>0.15667130333478671</v>
      </c>
      <c r="AG56" s="98">
        <v>3.3326579889929507E-2</v>
      </c>
      <c r="AH56" s="108">
        <v>0.2112382452184485</v>
      </c>
      <c r="AI56" s="98">
        <v>3.73004335288602E-2</v>
      </c>
      <c r="AJ56" s="108">
        <v>0.63209045144676479</v>
      </c>
      <c r="AK56" s="98">
        <v>4.3907300136336744E-2</v>
      </c>
    </row>
    <row r="57" spans="1:37">
      <c r="A57" s="49" t="s">
        <v>460</v>
      </c>
      <c r="B57" s="109">
        <v>166</v>
      </c>
      <c r="C57" s="110">
        <v>4.6550162278818874</v>
      </c>
      <c r="D57" s="111">
        <v>0.37469844127563512</v>
      </c>
      <c r="E57" s="112">
        <v>0.1897624287443089</v>
      </c>
      <c r="F57" s="101">
        <v>5.97962808541685E-2</v>
      </c>
      <c r="G57" s="112">
        <v>0.18877733059276694</v>
      </c>
      <c r="H57" s="101">
        <v>5.9685880278391279E-2</v>
      </c>
      <c r="I57" s="112">
        <v>0.62146024066292416</v>
      </c>
      <c r="J57" s="101">
        <v>7.3017405831669727E-2</v>
      </c>
      <c r="K57" s="109">
        <v>166</v>
      </c>
      <c r="L57" s="110">
        <v>4.9858009776427625</v>
      </c>
      <c r="M57" s="111">
        <v>0.22866094134483816</v>
      </c>
      <c r="N57" s="112">
        <v>4.5814167758689794E-2</v>
      </c>
      <c r="O57" s="101">
        <v>3.4708033995726355E-2</v>
      </c>
      <c r="P57" s="112">
        <v>0.30336040630846517</v>
      </c>
      <c r="Q57" s="101">
        <v>6.9399288208477961E-2</v>
      </c>
      <c r="R57" s="112">
        <v>0.65082542593284498</v>
      </c>
      <c r="S57" s="101">
        <v>7.1827988149004138E-2</v>
      </c>
      <c r="T57" s="109">
        <v>165</v>
      </c>
      <c r="U57" s="110">
        <v>4.3630446356507342</v>
      </c>
      <c r="V57" s="111">
        <v>0.32639414951985479</v>
      </c>
      <c r="W57" s="112">
        <v>0.25573725894548749</v>
      </c>
      <c r="X57" s="101">
        <v>6.6257310746211565E-2</v>
      </c>
      <c r="Y57" s="112">
        <v>0.25018890911656455</v>
      </c>
      <c r="Z57" s="101">
        <v>6.5807542955266279E-2</v>
      </c>
      <c r="AA57" s="112">
        <v>0.49407383193794802</v>
      </c>
      <c r="AB57" s="101">
        <v>7.5379567962050378E-2</v>
      </c>
      <c r="AC57" s="109">
        <v>167</v>
      </c>
      <c r="AD57" s="110">
        <v>5.1476236070721075</v>
      </c>
      <c r="AE57" s="111">
        <v>0.21422381590895068</v>
      </c>
      <c r="AF57" s="112">
        <v>6.738032442647543E-2</v>
      </c>
      <c r="AG57" s="101">
        <v>4.0076728979132219E-2</v>
      </c>
      <c r="AH57" s="112">
        <v>0.16874498708209143</v>
      </c>
      <c r="AI57" s="101">
        <v>5.7142077685633792E-2</v>
      </c>
      <c r="AJ57" s="112">
        <v>0.76387468849143314</v>
      </c>
      <c r="AK57" s="101">
        <v>6.4221735445003883E-2</v>
      </c>
    </row>
    <row r="60" spans="1:37" ht="18.75">
      <c r="A60" s="331" t="s">
        <v>40</v>
      </c>
      <c r="B60" s="331"/>
      <c r="C60" s="331"/>
      <c r="D60" s="331"/>
      <c r="E60" s="331"/>
      <c r="F60" s="331"/>
      <c r="G60" s="331"/>
      <c r="H60" s="331"/>
      <c r="I60" s="308"/>
      <c r="J60" s="308"/>
      <c r="K60" s="308"/>
      <c r="L60" s="308"/>
      <c r="M60" s="308"/>
      <c r="N60" s="308"/>
      <c r="O60" s="309"/>
      <c r="P60" s="309"/>
      <c r="Q60" s="309"/>
      <c r="R60" s="309"/>
    </row>
    <row r="61" spans="1:37" ht="56.25" customHeight="1">
      <c r="A61" s="336" t="s">
        <v>345</v>
      </c>
      <c r="B61" s="336"/>
      <c r="C61" s="336"/>
      <c r="D61" s="336"/>
      <c r="E61" s="336"/>
      <c r="F61" s="336"/>
      <c r="G61" s="336"/>
      <c r="H61" s="336"/>
      <c r="I61" s="307"/>
      <c r="J61" s="307"/>
      <c r="K61" s="307"/>
      <c r="L61" s="307"/>
      <c r="M61" s="307"/>
      <c r="N61" s="307"/>
    </row>
    <row r="62" spans="1:37" ht="35.25" customHeight="1">
      <c r="A62" s="114"/>
      <c r="B62" s="335" t="s">
        <v>167</v>
      </c>
      <c r="C62" s="335"/>
      <c r="D62" s="335"/>
      <c r="E62" s="335"/>
      <c r="F62" s="335"/>
      <c r="G62" s="335"/>
      <c r="H62" s="335"/>
    </row>
    <row r="63" spans="1:37" ht="47.25" customHeight="1">
      <c r="A63" s="37" t="s">
        <v>114</v>
      </c>
      <c r="B63" s="38" t="s">
        <v>115</v>
      </c>
      <c r="C63" s="38" t="s">
        <v>318</v>
      </c>
      <c r="D63" s="93" t="s">
        <v>168</v>
      </c>
      <c r="E63" s="38" t="s">
        <v>319</v>
      </c>
      <c r="F63" s="93" t="s">
        <v>169</v>
      </c>
      <c r="G63" s="38" t="s">
        <v>320</v>
      </c>
      <c r="H63" s="93" t="s">
        <v>170</v>
      </c>
    </row>
    <row r="64" spans="1:37" ht="73.5" customHeight="1">
      <c r="A64" s="41"/>
      <c r="B64" s="42" t="s">
        <v>118</v>
      </c>
      <c r="C64" s="42" t="s">
        <v>321</v>
      </c>
      <c r="D64" s="95" t="s">
        <v>171</v>
      </c>
      <c r="E64" s="42" t="s">
        <v>322</v>
      </c>
      <c r="F64" s="95" t="s">
        <v>148</v>
      </c>
      <c r="G64" s="42" t="s">
        <v>323</v>
      </c>
      <c r="H64" s="95" t="s">
        <v>148</v>
      </c>
    </row>
    <row r="65" spans="1:8">
      <c r="A65" s="45" t="s">
        <v>449</v>
      </c>
      <c r="B65" s="117">
        <v>12348</v>
      </c>
      <c r="C65" s="118">
        <v>0.81615951128133957</v>
      </c>
      <c r="D65" s="98">
        <v>6.8326502823313007E-3</v>
      </c>
      <c r="E65" s="118">
        <v>7.6057290486998996E-2</v>
      </c>
      <c r="F65" s="98">
        <v>4.6788564003330179E-3</v>
      </c>
      <c r="G65" s="118">
        <v>0.10778319823166146</v>
      </c>
      <c r="H65" s="98">
        <v>5.4717089157747196E-3</v>
      </c>
    </row>
    <row r="66" spans="1:8">
      <c r="A66" s="49" t="s">
        <v>450</v>
      </c>
      <c r="B66" s="119">
        <v>3515</v>
      </c>
      <c r="C66" s="120">
        <v>0.82992232040145031</v>
      </c>
      <c r="D66" s="101">
        <v>1.2424214916618699E-2</v>
      </c>
      <c r="E66" s="120">
        <v>7.2168789716210588E-2</v>
      </c>
      <c r="F66" s="101">
        <v>8.5763033412641545E-3</v>
      </c>
      <c r="G66" s="120">
        <v>9.7908889882338979E-2</v>
      </c>
      <c r="H66" s="101">
        <v>9.8397478302272579E-3</v>
      </c>
    </row>
    <row r="67" spans="1:8">
      <c r="A67" s="53" t="s">
        <v>451</v>
      </c>
      <c r="B67" s="83">
        <v>280</v>
      </c>
      <c r="C67" s="102">
        <v>0.83816887251144145</v>
      </c>
      <c r="D67" s="98">
        <v>4.3336612727044588E-2</v>
      </c>
      <c r="E67" s="102">
        <v>7.6980148537533238E-2</v>
      </c>
      <c r="F67" s="98">
        <v>3.2075500770545107E-2</v>
      </c>
      <c r="G67" s="102">
        <v>8.485097895102528E-2</v>
      </c>
      <c r="H67" s="98">
        <v>3.3400283205896664E-2</v>
      </c>
    </row>
    <row r="68" spans="1:8">
      <c r="A68" s="49" t="s">
        <v>452</v>
      </c>
      <c r="B68" s="119">
        <v>179</v>
      </c>
      <c r="C68" s="120">
        <v>0.78978847803325425</v>
      </c>
      <c r="D68" s="101">
        <v>5.9677708700592851E-2</v>
      </c>
      <c r="E68" s="120">
        <v>0.12548412598747449</v>
      </c>
      <c r="F68" s="101">
        <v>4.93048386485892E-2</v>
      </c>
      <c r="G68" s="120">
        <v>8.4727395979271231E-2</v>
      </c>
      <c r="H68" s="101">
        <v>4.224283832631609E-2</v>
      </c>
    </row>
    <row r="69" spans="1:8">
      <c r="A69" s="57" t="s">
        <v>453</v>
      </c>
      <c r="B69" s="117">
        <v>353</v>
      </c>
      <c r="C69" s="118">
        <v>0.88283389521360989</v>
      </c>
      <c r="D69" s="98">
        <v>3.3885393340095264E-2</v>
      </c>
      <c r="E69" s="118">
        <v>4.5473466766330121E-2</v>
      </c>
      <c r="F69" s="98">
        <v>2.2729216784538601E-2</v>
      </c>
      <c r="G69" s="118">
        <v>7.1692638020060026E-2</v>
      </c>
      <c r="H69" s="98">
        <v>2.757079322309584E-2</v>
      </c>
    </row>
    <row r="70" spans="1:8">
      <c r="A70" s="49" t="s">
        <v>454</v>
      </c>
      <c r="B70" s="119">
        <v>704</v>
      </c>
      <c r="C70" s="120">
        <v>0.80431157442391232</v>
      </c>
      <c r="D70" s="101">
        <v>2.932033859051409E-2</v>
      </c>
      <c r="E70" s="120">
        <v>9.0298185809574577E-2</v>
      </c>
      <c r="F70" s="101">
        <v>2.1353617238162557E-2</v>
      </c>
      <c r="G70" s="120">
        <v>0.10539023976651307</v>
      </c>
      <c r="H70" s="101">
        <v>2.2827600900367652E-2</v>
      </c>
    </row>
    <row r="71" spans="1:8">
      <c r="A71" s="57" t="s">
        <v>455</v>
      </c>
      <c r="B71" s="117">
        <v>208</v>
      </c>
      <c r="C71" s="118">
        <v>0.82501282221327776</v>
      </c>
      <c r="D71" s="98">
        <v>5.1841911505646397E-2</v>
      </c>
      <c r="E71" s="118">
        <v>4.5069724286620455E-2</v>
      </c>
      <c r="F71" s="98">
        <v>3.0332733627395046E-2</v>
      </c>
      <c r="G71" s="118">
        <v>0.12991745350010173</v>
      </c>
      <c r="H71" s="98">
        <v>4.6272249626184918E-2</v>
      </c>
    </row>
    <row r="72" spans="1:8">
      <c r="A72" s="49" t="s">
        <v>456</v>
      </c>
      <c r="B72" s="119">
        <v>664</v>
      </c>
      <c r="C72" s="120">
        <v>0.86249326179524377</v>
      </c>
      <c r="D72" s="101">
        <v>2.6288240573803759E-2</v>
      </c>
      <c r="E72" s="120">
        <v>4.2529143504936674E-2</v>
      </c>
      <c r="F72" s="101">
        <v>1.5765453652156345E-2</v>
      </c>
      <c r="G72" s="120">
        <v>9.4977594699819604E-2</v>
      </c>
      <c r="H72" s="101">
        <v>2.2485404676927903E-2</v>
      </c>
    </row>
    <row r="73" spans="1:8">
      <c r="A73" s="57" t="s">
        <v>457</v>
      </c>
      <c r="B73" s="117">
        <v>203</v>
      </c>
      <c r="C73" s="118">
        <v>0.9580239649984682</v>
      </c>
      <c r="D73" s="98">
        <v>2.9921941682660044E-2</v>
      </c>
      <c r="E73" s="118">
        <v>9.5181118265756596E-3</v>
      </c>
      <c r="F73" s="98">
        <v>1.8596774405627303E-2</v>
      </c>
      <c r="G73" s="118">
        <v>3.2457923174956139E-2</v>
      </c>
      <c r="H73" s="98">
        <v>2.716775308195829E-2</v>
      </c>
    </row>
    <row r="74" spans="1:8">
      <c r="A74" s="49" t="s">
        <v>458</v>
      </c>
      <c r="B74" s="119">
        <v>293</v>
      </c>
      <c r="C74" s="120">
        <v>0.82645168448739503</v>
      </c>
      <c r="D74" s="101">
        <v>4.3498186549684369E-2</v>
      </c>
      <c r="E74" s="120">
        <v>0.11676781502660366</v>
      </c>
      <c r="F74" s="101">
        <v>3.7213152523995693E-2</v>
      </c>
      <c r="G74" s="120">
        <v>5.6780500486001327E-2</v>
      </c>
      <c r="H74" s="101">
        <v>2.7581110456256035E-2</v>
      </c>
    </row>
    <row r="75" spans="1:8">
      <c r="A75" s="57" t="s">
        <v>459</v>
      </c>
      <c r="B75" s="117">
        <v>455</v>
      </c>
      <c r="C75" s="118">
        <v>0.75730190013488163</v>
      </c>
      <c r="D75" s="98">
        <v>3.934327841028936E-2</v>
      </c>
      <c r="E75" s="118">
        <v>8.8937885226633318E-2</v>
      </c>
      <c r="F75" s="98">
        <v>2.6508572241042458E-2</v>
      </c>
      <c r="G75" s="118">
        <v>0.15376021463848508</v>
      </c>
      <c r="H75" s="98">
        <v>3.3263102267325269E-2</v>
      </c>
    </row>
    <row r="76" spans="1:8">
      <c r="A76" s="49" t="s">
        <v>460</v>
      </c>
      <c r="B76" s="119">
        <v>165</v>
      </c>
      <c r="C76" s="120">
        <v>0.87381956996517196</v>
      </c>
      <c r="D76" s="101">
        <v>5.1525945992992685E-2</v>
      </c>
      <c r="E76" s="120">
        <v>5.2143328338201324E-2</v>
      </c>
      <c r="F76" s="101">
        <v>3.6561691151867193E-2</v>
      </c>
      <c r="G76" s="120">
        <v>7.4037101696626736E-2</v>
      </c>
      <c r="H76" s="101">
        <v>4.1848456451719931E-2</v>
      </c>
    </row>
  </sheetData>
  <mergeCells count="19">
    <mergeCell ref="A3:D3"/>
    <mergeCell ref="A4:D4"/>
    <mergeCell ref="A5:D5"/>
    <mergeCell ref="A22:AJ22"/>
    <mergeCell ref="A23:AJ23"/>
    <mergeCell ref="B24:H24"/>
    <mergeCell ref="I24:O24"/>
    <mergeCell ref="P24:V24"/>
    <mergeCell ref="W24:AC24"/>
    <mergeCell ref="AD24:AJ24"/>
    <mergeCell ref="B62:H62"/>
    <mergeCell ref="A60:H60"/>
    <mergeCell ref="A61:H61"/>
    <mergeCell ref="A41:AK41"/>
    <mergeCell ref="A42:AK42"/>
    <mergeCell ref="B43:J43"/>
    <mergeCell ref="K43:S43"/>
    <mergeCell ref="T43:AB43"/>
    <mergeCell ref="AC43:AK43"/>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95"/>
  <sheetViews>
    <sheetView topLeftCell="A82" zoomScaleNormal="100" zoomScalePageLayoutView="75" workbookViewId="0">
      <selection activeCell="B89" sqref="B89"/>
    </sheetView>
  </sheetViews>
  <sheetFormatPr defaultColWidth="22.85546875" defaultRowHeight="15"/>
  <cols>
    <col min="1" max="1" width="30" customWidth="1"/>
  </cols>
  <sheetData>
    <row r="1" spans="1:6" ht="31.5">
      <c r="A1" s="33" t="s">
        <v>49</v>
      </c>
    </row>
    <row r="3" spans="1:6" ht="18.75">
      <c r="A3" s="331" t="s">
        <v>3</v>
      </c>
      <c r="B3" s="331"/>
      <c r="C3" s="331"/>
      <c r="D3" s="331"/>
    </row>
    <row r="4" spans="1:6" ht="201" customHeight="1">
      <c r="A4" s="349" t="s">
        <v>346</v>
      </c>
      <c r="B4" s="349"/>
      <c r="C4" s="349"/>
      <c r="D4" s="349"/>
      <c r="F4" s="310"/>
    </row>
    <row r="5" spans="1:6" ht="34.5" customHeight="1">
      <c r="A5" s="350" t="s">
        <v>172</v>
      </c>
      <c r="B5" s="335"/>
      <c r="C5" s="335"/>
      <c r="D5" s="335"/>
    </row>
    <row r="6" spans="1:6" ht="43.5" customHeight="1">
      <c r="A6" s="37" t="s">
        <v>114</v>
      </c>
      <c r="B6" s="38" t="s">
        <v>115</v>
      </c>
      <c r="C6" s="39" t="s">
        <v>116</v>
      </c>
      <c r="D6" s="40" t="s">
        <v>117</v>
      </c>
    </row>
    <row r="7" spans="1:6" ht="56.25" customHeight="1">
      <c r="A7" s="41"/>
      <c r="B7" s="42" t="s">
        <v>118</v>
      </c>
      <c r="C7" s="43" t="s">
        <v>173</v>
      </c>
      <c r="D7" s="44" t="s">
        <v>120</v>
      </c>
    </row>
    <row r="8" spans="1:6">
      <c r="A8" s="45" t="s">
        <v>449</v>
      </c>
      <c r="B8" s="123">
        <v>11183</v>
      </c>
      <c r="C8" s="124">
        <v>4.0192094719401332</v>
      </c>
      <c r="D8" s="125">
        <v>3.2404363172654271E-2</v>
      </c>
    </row>
    <row r="9" spans="1:6">
      <c r="A9" s="49" t="s">
        <v>450</v>
      </c>
      <c r="B9" s="126">
        <v>3166</v>
      </c>
      <c r="C9" s="127">
        <v>4.0420229108307328</v>
      </c>
      <c r="D9" s="128">
        <v>6.3870539883423394E-2</v>
      </c>
    </row>
    <row r="10" spans="1:6">
      <c r="A10" s="53" t="s">
        <v>451</v>
      </c>
      <c r="B10" s="83">
        <v>264</v>
      </c>
      <c r="C10" s="84">
        <v>4.4152574151587523</v>
      </c>
      <c r="D10" s="85">
        <v>0.1584601539769066</v>
      </c>
    </row>
    <row r="11" spans="1:6">
      <c r="A11" s="49" t="s">
        <v>452</v>
      </c>
      <c r="B11" s="126">
        <v>164</v>
      </c>
      <c r="C11" s="127">
        <v>3.6897224188376136</v>
      </c>
      <c r="D11" s="128">
        <v>0.22288206621967355</v>
      </c>
    </row>
    <row r="12" spans="1:6">
      <c r="A12" s="57" t="s">
        <v>453</v>
      </c>
      <c r="B12" s="123">
        <v>327</v>
      </c>
      <c r="C12" s="124">
        <v>4.4217730584942743</v>
      </c>
      <c r="D12" s="125">
        <v>0.16550631955570605</v>
      </c>
    </row>
    <row r="13" spans="1:6">
      <c r="A13" s="49" t="s">
        <v>454</v>
      </c>
      <c r="B13" s="126">
        <v>656</v>
      </c>
      <c r="C13" s="127">
        <v>4.0519682059183255</v>
      </c>
      <c r="D13" s="128">
        <v>0.14742954714919199</v>
      </c>
    </row>
    <row r="14" spans="1:6">
      <c r="A14" s="57" t="s">
        <v>455</v>
      </c>
      <c r="B14" s="123">
        <v>203</v>
      </c>
      <c r="C14" s="124">
        <v>3.9156436410168816</v>
      </c>
      <c r="D14" s="125">
        <v>0.24971558358318369</v>
      </c>
    </row>
    <row r="15" spans="1:6">
      <c r="A15" s="49" t="s">
        <v>456</v>
      </c>
      <c r="B15" s="126">
        <v>626</v>
      </c>
      <c r="C15" s="127">
        <v>4.0586669041313401</v>
      </c>
      <c r="D15" s="128">
        <v>0.13219379130996955</v>
      </c>
    </row>
    <row r="16" spans="1:6">
      <c r="A16" s="57" t="s">
        <v>457</v>
      </c>
      <c r="B16" s="123">
        <v>186</v>
      </c>
      <c r="C16" s="124">
        <v>4.1116036413077319</v>
      </c>
      <c r="D16" s="125">
        <v>0.28101889263196167</v>
      </c>
    </row>
    <row r="17" spans="1:17">
      <c r="A17" s="49" t="s">
        <v>458</v>
      </c>
      <c r="B17" s="126">
        <v>274</v>
      </c>
      <c r="C17" s="127">
        <v>4.0789202942523275</v>
      </c>
      <c r="D17" s="128">
        <v>0.24439739562749185</v>
      </c>
    </row>
    <row r="18" spans="1:17">
      <c r="A18" s="57" t="s">
        <v>459</v>
      </c>
      <c r="B18" s="123">
        <v>418</v>
      </c>
      <c r="C18" s="124">
        <v>3.6600141426697488</v>
      </c>
      <c r="D18" s="125">
        <v>0.18234972576953901</v>
      </c>
    </row>
    <row r="19" spans="1:17">
      <c r="A19" s="49" t="s">
        <v>460</v>
      </c>
      <c r="B19" s="126">
        <v>153</v>
      </c>
      <c r="C19" s="127">
        <v>4.1255487133771416</v>
      </c>
      <c r="D19" s="128">
        <v>0.26239396551860317</v>
      </c>
    </row>
    <row r="22" spans="1:17" ht="18.75">
      <c r="A22" s="331" t="s">
        <v>41</v>
      </c>
      <c r="B22" s="331"/>
      <c r="C22" s="331"/>
      <c r="D22" s="331"/>
      <c r="E22" s="331"/>
      <c r="F22" s="331"/>
      <c r="G22" s="331"/>
      <c r="H22" s="331"/>
      <c r="I22" s="331"/>
      <c r="J22" s="331"/>
      <c r="K22" s="331"/>
      <c r="L22" s="331"/>
      <c r="M22" s="331"/>
      <c r="N22" s="331"/>
      <c r="O22" s="331"/>
      <c r="P22" s="331"/>
      <c r="Q22" s="331"/>
    </row>
    <row r="23" spans="1:17" ht="58.5" customHeight="1">
      <c r="A23" s="343" t="s">
        <v>347</v>
      </c>
      <c r="B23" s="343"/>
      <c r="C23" s="343"/>
      <c r="D23" s="343"/>
      <c r="E23" s="343"/>
      <c r="F23" s="343"/>
      <c r="G23" s="343"/>
      <c r="H23" s="343"/>
      <c r="I23" s="343"/>
      <c r="J23" s="343"/>
      <c r="K23" s="343"/>
      <c r="L23" s="343"/>
      <c r="M23" s="343"/>
      <c r="N23" s="343"/>
      <c r="O23" s="343"/>
      <c r="P23" s="343"/>
      <c r="Q23" s="343"/>
    </row>
    <row r="24" spans="1:17" ht="28.5" customHeight="1">
      <c r="A24" s="114"/>
      <c r="B24" s="335" t="s">
        <v>174</v>
      </c>
      <c r="C24" s="335"/>
      <c r="D24" s="335"/>
      <c r="E24" s="335"/>
      <c r="F24" s="335"/>
      <c r="G24" s="335"/>
      <c r="H24" s="335"/>
      <c r="I24" s="335" t="s">
        <v>175</v>
      </c>
      <c r="J24" s="335"/>
      <c r="K24" s="335"/>
      <c r="L24" s="335"/>
      <c r="M24" s="335"/>
      <c r="N24" s="335"/>
      <c r="O24" s="335"/>
      <c r="P24" s="335"/>
      <c r="Q24" s="335"/>
    </row>
    <row r="25" spans="1:17" ht="39.75" customHeight="1">
      <c r="A25" s="37" t="s">
        <v>114</v>
      </c>
      <c r="B25" s="38" t="s">
        <v>115</v>
      </c>
      <c r="C25" s="38" t="s">
        <v>324</v>
      </c>
      <c r="D25" s="93" t="s">
        <v>176</v>
      </c>
      <c r="E25" s="38" t="s">
        <v>348</v>
      </c>
      <c r="F25" s="93" t="s">
        <v>177</v>
      </c>
      <c r="G25" s="38" t="s">
        <v>350</v>
      </c>
      <c r="H25" s="93" t="s">
        <v>178</v>
      </c>
      <c r="I25" s="65" t="s">
        <v>115</v>
      </c>
      <c r="J25" s="65" t="s">
        <v>325</v>
      </c>
      <c r="K25" s="92" t="s">
        <v>179</v>
      </c>
      <c r="L25" s="65" t="s">
        <v>326</v>
      </c>
      <c r="M25" s="92" t="s">
        <v>180</v>
      </c>
      <c r="N25" s="65" t="s">
        <v>327</v>
      </c>
      <c r="O25" s="92" t="s">
        <v>181</v>
      </c>
      <c r="P25" s="65" t="s">
        <v>328</v>
      </c>
      <c r="Q25" s="92" t="s">
        <v>182</v>
      </c>
    </row>
    <row r="26" spans="1:17" ht="52.5" customHeight="1">
      <c r="A26" s="41"/>
      <c r="B26" s="42" t="s">
        <v>118</v>
      </c>
      <c r="C26" s="42" t="s">
        <v>342</v>
      </c>
      <c r="D26" s="95" t="s">
        <v>148</v>
      </c>
      <c r="E26" s="42" t="s">
        <v>349</v>
      </c>
      <c r="F26" s="95" t="s">
        <v>148</v>
      </c>
      <c r="G26" s="42" t="s">
        <v>351</v>
      </c>
      <c r="H26" s="95" t="s">
        <v>148</v>
      </c>
      <c r="I26" s="68" t="s">
        <v>118</v>
      </c>
      <c r="J26" s="68" t="s">
        <v>329</v>
      </c>
      <c r="K26" s="94" t="s">
        <v>148</v>
      </c>
      <c r="L26" s="68" t="s">
        <v>330</v>
      </c>
      <c r="M26" s="94" t="s">
        <v>148</v>
      </c>
      <c r="N26" s="68" t="s">
        <v>331</v>
      </c>
      <c r="O26" s="94" t="s">
        <v>148</v>
      </c>
      <c r="P26" s="68" t="s">
        <v>332</v>
      </c>
      <c r="Q26" s="94" t="s">
        <v>148</v>
      </c>
    </row>
    <row r="27" spans="1:17">
      <c r="A27" s="45" t="s">
        <v>449</v>
      </c>
      <c r="B27" s="129">
        <v>11589</v>
      </c>
      <c r="C27" s="130">
        <v>0.3951784053389224</v>
      </c>
      <c r="D27" s="98">
        <v>8.8996983624680601E-3</v>
      </c>
      <c r="E27" s="130">
        <v>0.42140577852850603</v>
      </c>
      <c r="F27" s="98">
        <v>8.988748685575575E-3</v>
      </c>
      <c r="G27" s="130">
        <v>0.1834158161325716</v>
      </c>
      <c r="H27" s="98">
        <v>7.046561724008772E-3</v>
      </c>
      <c r="I27" s="131">
        <v>12261</v>
      </c>
      <c r="J27" s="130">
        <v>6.0030047661454727E-2</v>
      </c>
      <c r="K27" s="98">
        <v>4.2087089663192922E-3</v>
      </c>
      <c r="L27" s="130">
        <v>0.30923509369195462</v>
      </c>
      <c r="M27" s="98">
        <v>8.1800496463708804E-3</v>
      </c>
      <c r="N27" s="130">
        <v>0.49071422327194225</v>
      </c>
      <c r="O27" s="98">
        <v>8.8474362233767756E-3</v>
      </c>
      <c r="P27" s="130">
        <v>0.14002063537464846</v>
      </c>
      <c r="Q27" s="98">
        <v>6.143483235108149E-3</v>
      </c>
    </row>
    <row r="28" spans="1:17">
      <c r="A28" s="49" t="s">
        <v>450</v>
      </c>
      <c r="B28" s="132">
        <v>3291</v>
      </c>
      <c r="C28" s="133">
        <v>0.39851896903139583</v>
      </c>
      <c r="D28" s="101">
        <v>1.6718082527907536E-2</v>
      </c>
      <c r="E28" s="133">
        <v>0.39790477621844106</v>
      </c>
      <c r="F28" s="101">
        <v>1.671373268529661E-2</v>
      </c>
      <c r="G28" s="133">
        <v>0.20357625475016311</v>
      </c>
      <c r="H28" s="101">
        <v>1.3757812391904425E-2</v>
      </c>
      <c r="I28" s="134">
        <v>3460</v>
      </c>
      <c r="J28" s="133">
        <v>6.0725089521766133E-2</v>
      </c>
      <c r="K28" s="101">
        <v>7.9842955119856004E-3</v>
      </c>
      <c r="L28" s="133">
        <v>0.29754131895143388</v>
      </c>
      <c r="M28" s="101">
        <v>1.5228230218871286E-2</v>
      </c>
      <c r="N28" s="133">
        <v>0.49090094676332874</v>
      </c>
      <c r="O28" s="101">
        <v>1.664812680976736E-2</v>
      </c>
      <c r="P28" s="133">
        <v>0.15083264476347127</v>
      </c>
      <c r="Q28" s="101">
        <v>1.1931306651877487E-2</v>
      </c>
    </row>
    <row r="29" spans="1:17">
      <c r="A29" s="53" t="s">
        <v>451</v>
      </c>
      <c r="B29" s="83">
        <v>264</v>
      </c>
      <c r="C29" s="102">
        <v>0.27319118359475891</v>
      </c>
      <c r="D29" s="98">
        <v>5.3554080289571065E-2</v>
      </c>
      <c r="E29" s="102">
        <v>0.45221298520939013</v>
      </c>
      <c r="F29" s="98">
        <v>5.9597131413708766E-2</v>
      </c>
      <c r="G29" s="102">
        <v>0.27459583119585096</v>
      </c>
      <c r="H29" s="98">
        <v>5.3636507266788841E-2</v>
      </c>
      <c r="I29" s="83">
        <v>280</v>
      </c>
      <c r="J29" s="102">
        <v>3.2813135262979021E-2</v>
      </c>
      <c r="K29" s="98">
        <v>2.2624580170113383E-2</v>
      </c>
      <c r="L29" s="102">
        <v>0.17150745168306206</v>
      </c>
      <c r="M29" s="98">
        <v>4.4304403582515271E-2</v>
      </c>
      <c r="N29" s="102">
        <v>0.62008697984471151</v>
      </c>
      <c r="O29" s="98">
        <v>5.6498482149520031E-2</v>
      </c>
      <c r="P29" s="102">
        <v>0.17559243320924742</v>
      </c>
      <c r="Q29" s="98">
        <v>4.4698412705905709E-2</v>
      </c>
    </row>
    <row r="30" spans="1:17">
      <c r="A30" s="49" t="s">
        <v>452</v>
      </c>
      <c r="B30" s="132">
        <v>164</v>
      </c>
      <c r="C30" s="133">
        <v>0.55332950991387986</v>
      </c>
      <c r="D30" s="101">
        <v>7.5197692796097643E-2</v>
      </c>
      <c r="E30" s="133">
        <v>0.35415736748642046</v>
      </c>
      <c r="F30" s="101">
        <v>7.2478796971225862E-2</v>
      </c>
      <c r="G30" s="133">
        <v>9.251312259969971E-2</v>
      </c>
      <c r="H30" s="101">
        <v>4.5808416486345101E-2</v>
      </c>
      <c r="I30" s="134">
        <v>175</v>
      </c>
      <c r="J30" s="135">
        <v>6.126610474856635E-2</v>
      </c>
      <c r="K30" s="101">
        <v>3.764131717346117E-2</v>
      </c>
      <c r="L30" s="133">
        <v>0.37710323513837346</v>
      </c>
      <c r="M30" s="101">
        <v>7.1102339632948819E-2</v>
      </c>
      <c r="N30" s="133">
        <v>0.38078096874456319</v>
      </c>
      <c r="O30" s="101">
        <v>7.1230669253362452E-2</v>
      </c>
      <c r="P30" s="133">
        <v>0.18084969136849696</v>
      </c>
      <c r="Q30" s="101">
        <v>5.7236110079046998E-2</v>
      </c>
    </row>
    <row r="31" spans="1:17">
      <c r="A31" s="57" t="s">
        <v>453</v>
      </c>
      <c r="B31" s="129">
        <v>329</v>
      </c>
      <c r="C31" s="130">
        <v>0.20895943315109874</v>
      </c>
      <c r="D31" s="98">
        <v>4.3934474131568257E-2</v>
      </c>
      <c r="E31" s="130">
        <v>0.51905681314131158</v>
      </c>
      <c r="F31" s="98">
        <v>5.3665580861822659E-2</v>
      </c>
      <c r="G31" s="130">
        <v>0.27198375370758976</v>
      </c>
      <c r="H31" s="98">
        <v>4.7943889535264544E-2</v>
      </c>
      <c r="I31" s="131">
        <v>350</v>
      </c>
      <c r="J31" s="130">
        <v>3.7722595472958649E-2</v>
      </c>
      <c r="K31" s="98">
        <v>2.1119535136250228E-2</v>
      </c>
      <c r="L31" s="130">
        <v>0.18486388970457079</v>
      </c>
      <c r="M31" s="98">
        <v>4.0736884439496669E-2</v>
      </c>
      <c r="N31" s="130">
        <v>0.60854733283179108</v>
      </c>
      <c r="O31" s="98">
        <v>5.0872427908298684E-2</v>
      </c>
      <c r="P31" s="130">
        <v>0.16886618199067946</v>
      </c>
      <c r="Q31" s="98">
        <v>3.936772942946825E-2</v>
      </c>
    </row>
    <row r="32" spans="1:17">
      <c r="A32" s="49" t="s">
        <v>454</v>
      </c>
      <c r="B32" s="132">
        <v>658</v>
      </c>
      <c r="C32" s="133">
        <v>0.35612416091496368</v>
      </c>
      <c r="D32" s="101">
        <v>3.6497650906637931E-2</v>
      </c>
      <c r="E32" s="133">
        <v>0.43740117194133743</v>
      </c>
      <c r="F32" s="101">
        <v>3.7792717053008559E-2</v>
      </c>
      <c r="G32" s="133">
        <v>0.20647466714369883</v>
      </c>
      <c r="H32" s="101">
        <v>3.093230335438546E-2</v>
      </c>
      <c r="I32" s="134">
        <v>693</v>
      </c>
      <c r="J32" s="133">
        <v>5.2954670429508598E-2</v>
      </c>
      <c r="K32" s="101">
        <v>1.700049505700028E-2</v>
      </c>
      <c r="L32" s="133">
        <v>0.33459413745307093</v>
      </c>
      <c r="M32" s="101">
        <v>3.5054787336341361E-2</v>
      </c>
      <c r="N32" s="133">
        <v>0.48455712502273446</v>
      </c>
      <c r="O32" s="101">
        <v>3.7102640434823662E-2</v>
      </c>
      <c r="P32" s="133">
        <v>0.12789406709468601</v>
      </c>
      <c r="Q32" s="101">
        <v>2.4969678279999609E-2</v>
      </c>
    </row>
    <row r="33" spans="1:17">
      <c r="A33" s="57" t="s">
        <v>455</v>
      </c>
      <c r="B33" s="129">
        <v>203</v>
      </c>
      <c r="C33" s="130">
        <v>0.39473321387521226</v>
      </c>
      <c r="D33" s="98">
        <v>6.664710398613799E-2</v>
      </c>
      <c r="E33" s="130">
        <v>0.4414711406000868</v>
      </c>
      <c r="F33" s="98">
        <v>6.7664410281363593E-2</v>
      </c>
      <c r="G33" s="130">
        <v>0.16379564552470102</v>
      </c>
      <c r="H33" s="98">
        <v>5.1207198091296591E-2</v>
      </c>
      <c r="I33" s="131">
        <v>209</v>
      </c>
      <c r="J33" s="130">
        <v>0.12081318143720639</v>
      </c>
      <c r="K33" s="98">
        <v>4.4857392414099431E-2</v>
      </c>
      <c r="L33" s="130">
        <v>0.36587036994981215</v>
      </c>
      <c r="M33" s="98">
        <v>6.4780530030316877E-2</v>
      </c>
      <c r="N33" s="130">
        <v>0.35089397997261051</v>
      </c>
      <c r="O33" s="98">
        <v>6.4209492249199016E-2</v>
      </c>
      <c r="P33" s="130">
        <v>0.16242246864037096</v>
      </c>
      <c r="Q33" s="98">
        <v>5.0299798744106859E-2</v>
      </c>
    </row>
    <row r="34" spans="1:17">
      <c r="A34" s="49" t="s">
        <v>456</v>
      </c>
      <c r="B34" s="132">
        <v>627</v>
      </c>
      <c r="C34" s="133">
        <v>0.39709136060880823</v>
      </c>
      <c r="D34" s="101">
        <v>3.8188598892774456E-2</v>
      </c>
      <c r="E34" s="133">
        <v>0.40058606312284534</v>
      </c>
      <c r="F34" s="101">
        <v>3.8244206461271295E-2</v>
      </c>
      <c r="G34" s="133">
        <v>0.20232257626834649</v>
      </c>
      <c r="H34" s="101">
        <v>3.1454212324654653E-2</v>
      </c>
      <c r="I34" s="134">
        <v>651</v>
      </c>
      <c r="J34" s="133">
        <v>5.1803799902137002E-2</v>
      </c>
      <c r="K34" s="101">
        <v>1.7390731672431613E-2</v>
      </c>
      <c r="L34" s="133">
        <v>0.31125222462981694</v>
      </c>
      <c r="M34" s="101">
        <v>3.5494471979131526E-2</v>
      </c>
      <c r="N34" s="133">
        <v>0.50150343398521291</v>
      </c>
      <c r="O34" s="101">
        <v>3.8291597597637117E-2</v>
      </c>
      <c r="P34" s="133">
        <v>0.13544054148283319</v>
      </c>
      <c r="Q34" s="101">
        <v>2.6386856879351366E-2</v>
      </c>
    </row>
    <row r="35" spans="1:17">
      <c r="A35" s="57" t="s">
        <v>457</v>
      </c>
      <c r="B35" s="129">
        <v>187</v>
      </c>
      <c r="C35" s="130">
        <v>0.36240656256738873</v>
      </c>
      <c r="D35" s="98">
        <v>6.8288169359444623E-2</v>
      </c>
      <c r="E35" s="130">
        <v>0.41250181615314224</v>
      </c>
      <c r="F35" s="98">
        <v>6.9861791281876681E-2</v>
      </c>
      <c r="G35" s="130">
        <v>0.22509162127946897</v>
      </c>
      <c r="H35" s="98">
        <v>5.9759795418140173E-2</v>
      </c>
      <c r="I35" s="131">
        <v>199</v>
      </c>
      <c r="J35" s="130">
        <v>4.6316841955196579E-2</v>
      </c>
      <c r="K35" s="98">
        <v>3.1430867506960398E-2</v>
      </c>
      <c r="L35" s="130">
        <v>0.28751225603308966</v>
      </c>
      <c r="M35" s="98">
        <v>6.2529440179226264E-2</v>
      </c>
      <c r="N35" s="130">
        <v>0.49587866474821896</v>
      </c>
      <c r="O35" s="98">
        <v>6.8780270362794466E-2</v>
      </c>
      <c r="P35" s="130">
        <v>0.17029223726349477</v>
      </c>
      <c r="Q35" s="98">
        <v>5.2479682452696595E-2</v>
      </c>
    </row>
    <row r="36" spans="1:17">
      <c r="A36" s="49" t="s">
        <v>458</v>
      </c>
      <c r="B36" s="132">
        <v>276</v>
      </c>
      <c r="C36" s="133">
        <v>0.42277084139861804</v>
      </c>
      <c r="D36" s="101">
        <v>5.7883421954463013E-2</v>
      </c>
      <c r="E36" s="133">
        <v>0.34476299355576767</v>
      </c>
      <c r="F36" s="101">
        <v>5.5756141730525746E-2</v>
      </c>
      <c r="G36" s="133">
        <v>0.23246616504561432</v>
      </c>
      <c r="H36" s="101">
        <v>4.97579804361927E-2</v>
      </c>
      <c r="I36" s="134">
        <v>290</v>
      </c>
      <c r="J36" s="133">
        <v>4.6293719158595467E-2</v>
      </c>
      <c r="K36" s="101">
        <v>2.5487140094578958E-2</v>
      </c>
      <c r="L36" s="133">
        <v>0.3289115227015138</v>
      </c>
      <c r="M36" s="101">
        <v>5.3800794965411292E-2</v>
      </c>
      <c r="N36" s="133">
        <v>0.43345130574718149</v>
      </c>
      <c r="O36" s="101">
        <v>5.6660055524394751E-2</v>
      </c>
      <c r="P36" s="133">
        <v>0.1913434523927092</v>
      </c>
      <c r="Q36" s="101">
        <v>4.5337215562676808E-2</v>
      </c>
    </row>
    <row r="37" spans="1:17">
      <c r="A37" s="57" t="s">
        <v>459</v>
      </c>
      <c r="B37" s="129">
        <v>421</v>
      </c>
      <c r="C37" s="130">
        <v>0.58279305615967691</v>
      </c>
      <c r="D37" s="98">
        <v>4.6893129292200714E-2</v>
      </c>
      <c r="E37" s="130">
        <v>0.26841691973407933</v>
      </c>
      <c r="F37" s="98">
        <v>4.2238319210763361E-2</v>
      </c>
      <c r="G37" s="130">
        <v>0.14879002410624381</v>
      </c>
      <c r="H37" s="98">
        <v>3.4142340854518345E-2</v>
      </c>
      <c r="I37" s="131">
        <v>444</v>
      </c>
      <c r="J37" s="130">
        <v>0.10598217156961347</v>
      </c>
      <c r="K37" s="98">
        <v>2.891621283286995E-2</v>
      </c>
      <c r="L37" s="130">
        <v>0.34153724376466765</v>
      </c>
      <c r="M37" s="98">
        <v>4.3957431734744604E-2</v>
      </c>
      <c r="N37" s="130">
        <v>0.42314852303584483</v>
      </c>
      <c r="O37" s="98">
        <v>4.576030058550027E-2</v>
      </c>
      <c r="P37" s="130">
        <v>0.12933206162987404</v>
      </c>
      <c r="Q37" s="98">
        <v>3.1409153376322385E-2</v>
      </c>
    </row>
    <row r="38" spans="1:17">
      <c r="A38" s="49" t="s">
        <v>460</v>
      </c>
      <c r="B38" s="132">
        <v>153</v>
      </c>
      <c r="C38" s="133">
        <v>0.3232035548752597</v>
      </c>
      <c r="D38" s="101">
        <v>7.342242298628375E-2</v>
      </c>
      <c r="E38" s="133">
        <v>0.51537668987773722</v>
      </c>
      <c r="F38" s="101">
        <v>7.8177381853370725E-2</v>
      </c>
      <c r="G38" s="133">
        <v>0.16141975524700308</v>
      </c>
      <c r="H38" s="101">
        <v>5.8764692797413677E-2</v>
      </c>
      <c r="I38" s="134">
        <v>159</v>
      </c>
      <c r="J38" s="133">
        <v>5.3932206301257744E-2</v>
      </c>
      <c r="K38" s="101">
        <v>3.7813525828706826E-2</v>
      </c>
      <c r="L38" s="133">
        <v>0.23399415685578936</v>
      </c>
      <c r="M38" s="101">
        <v>6.5614105776867063E-2</v>
      </c>
      <c r="N38" s="133">
        <v>0.54390932929710678</v>
      </c>
      <c r="O38" s="101">
        <v>7.6477365131000591E-2</v>
      </c>
      <c r="P38" s="133">
        <v>0.16816430754584608</v>
      </c>
      <c r="Q38" s="101">
        <v>5.8503282325400391E-2</v>
      </c>
    </row>
    <row r="41" spans="1:17" ht="18.75">
      <c r="A41" s="331" t="s">
        <v>42</v>
      </c>
      <c r="B41" s="331"/>
      <c r="C41" s="331"/>
      <c r="D41" s="331"/>
      <c r="E41" s="331"/>
      <c r="F41" s="331"/>
      <c r="G41" s="331"/>
      <c r="H41" s="331"/>
      <c r="I41" s="331"/>
      <c r="J41" s="331"/>
    </row>
    <row r="42" spans="1:17" ht="69.75" customHeight="1">
      <c r="A42" s="348" t="s">
        <v>352</v>
      </c>
      <c r="B42" s="348"/>
      <c r="C42" s="348"/>
      <c r="D42" s="348"/>
      <c r="E42" s="348"/>
      <c r="F42" s="348"/>
      <c r="G42" s="348"/>
      <c r="H42" s="348"/>
      <c r="I42" s="348"/>
      <c r="J42" s="348"/>
    </row>
    <row r="43" spans="1:17" ht="15.75" customHeight="1">
      <c r="A43" s="114"/>
      <c r="B43" s="345" t="s">
        <v>183</v>
      </c>
      <c r="C43" s="345"/>
      <c r="D43" s="345"/>
      <c r="E43" s="346" t="s">
        <v>184</v>
      </c>
      <c r="F43" s="347"/>
      <c r="G43" s="347"/>
      <c r="H43" s="347"/>
      <c r="I43" s="347"/>
      <c r="J43" s="347"/>
    </row>
    <row r="44" spans="1:17" ht="39" customHeight="1">
      <c r="A44" s="37" t="s">
        <v>114</v>
      </c>
      <c r="B44" s="38" t="s">
        <v>115</v>
      </c>
      <c r="C44" s="39" t="s">
        <v>116</v>
      </c>
      <c r="D44" s="40" t="s">
        <v>117</v>
      </c>
      <c r="E44" s="38" t="s">
        <v>359</v>
      </c>
      <c r="F44" s="93" t="s">
        <v>185</v>
      </c>
      <c r="G44" s="38" t="s">
        <v>360</v>
      </c>
      <c r="H44" s="93" t="s">
        <v>186</v>
      </c>
      <c r="I44" s="38" t="s">
        <v>361</v>
      </c>
      <c r="J44" s="93" t="s">
        <v>187</v>
      </c>
    </row>
    <row r="45" spans="1:17" ht="60">
      <c r="A45" s="41"/>
      <c r="B45" s="42" t="s">
        <v>118</v>
      </c>
      <c r="C45" s="43" t="s">
        <v>355</v>
      </c>
      <c r="D45" s="44" t="s">
        <v>120</v>
      </c>
      <c r="E45" s="136" t="s">
        <v>333</v>
      </c>
      <c r="F45" s="95" t="s">
        <v>148</v>
      </c>
      <c r="G45" s="42" t="s">
        <v>353</v>
      </c>
      <c r="H45" s="95" t="s">
        <v>148</v>
      </c>
      <c r="I45" s="42" t="s">
        <v>354</v>
      </c>
      <c r="J45" s="95" t="s">
        <v>148</v>
      </c>
    </row>
    <row r="46" spans="1:17">
      <c r="A46" s="45" t="s">
        <v>449</v>
      </c>
      <c r="B46" s="137">
        <v>11858</v>
      </c>
      <c r="C46" s="138">
        <v>0.77548608800643792</v>
      </c>
      <c r="D46" s="139">
        <v>3.2101922093001778E-2</v>
      </c>
      <c r="E46" s="140">
        <v>0.56602616126607597</v>
      </c>
      <c r="F46" s="98">
        <v>8.7743816442570448E-3</v>
      </c>
      <c r="G46" s="140">
        <v>0.22525819226624674</v>
      </c>
      <c r="H46" s="98">
        <v>7.3968030445866213E-3</v>
      </c>
      <c r="I46" s="140">
        <v>0.20871564646767732</v>
      </c>
      <c r="J46" s="98">
        <v>7.1958244499205999E-3</v>
      </c>
    </row>
    <row r="47" spans="1:17">
      <c r="A47" s="49" t="s">
        <v>450</v>
      </c>
      <c r="B47" s="141">
        <v>3334</v>
      </c>
      <c r="C47" s="142">
        <v>0.75755487885187378</v>
      </c>
      <c r="D47" s="143">
        <v>6.4520830637284199E-2</v>
      </c>
      <c r="E47" s="144">
        <v>0.58505535561650779</v>
      </c>
      <c r="F47" s="101">
        <v>1.6415865361136789E-2</v>
      </c>
      <c r="G47" s="144">
        <v>0.21374533784072791</v>
      </c>
      <c r="H47" s="101">
        <v>1.366563023127803E-2</v>
      </c>
      <c r="I47" s="144">
        <v>0.2011993065427643</v>
      </c>
      <c r="J47" s="101">
        <v>1.3364915561486324E-2</v>
      </c>
    </row>
    <row r="48" spans="1:17">
      <c r="A48" s="53" t="s">
        <v>451</v>
      </c>
      <c r="B48" s="83">
        <v>282</v>
      </c>
      <c r="C48" s="138">
        <v>0.54016091373342079</v>
      </c>
      <c r="D48" s="85">
        <v>0.14861460561391532</v>
      </c>
      <c r="E48" s="102">
        <v>0.66880285454810129</v>
      </c>
      <c r="F48" s="98">
        <v>5.4643677921344648E-2</v>
      </c>
      <c r="G48" s="102">
        <v>0.1910867171237686</v>
      </c>
      <c r="H48" s="98">
        <v>4.5954854140202353E-2</v>
      </c>
      <c r="I48" s="102">
        <v>0.14011042832813009</v>
      </c>
      <c r="J48" s="98">
        <v>4.0824313747753013E-2</v>
      </c>
    </row>
    <row r="49" spans="1:10">
      <c r="A49" s="49" t="s">
        <v>452</v>
      </c>
      <c r="B49" s="141">
        <v>176</v>
      </c>
      <c r="C49" s="142">
        <v>0.78979357984528276</v>
      </c>
      <c r="D49" s="143">
        <v>0.23539751705251943</v>
      </c>
      <c r="E49" s="144">
        <v>0.57034315887612386</v>
      </c>
      <c r="F49" s="101">
        <v>7.2350481811222375E-2</v>
      </c>
      <c r="G49" s="144">
        <v>0.20106187368527909</v>
      </c>
      <c r="H49" s="101">
        <v>5.9263419707893727E-2</v>
      </c>
      <c r="I49" s="144">
        <v>0.22859496743859703</v>
      </c>
      <c r="J49" s="101">
        <v>6.1907727433616014E-2</v>
      </c>
    </row>
    <row r="50" spans="1:10">
      <c r="A50" s="57" t="s">
        <v>453</v>
      </c>
      <c r="B50" s="137">
        <v>354</v>
      </c>
      <c r="C50" s="138">
        <v>0.59874261157076947</v>
      </c>
      <c r="D50" s="139">
        <v>0.18816829181271594</v>
      </c>
      <c r="E50" s="140">
        <v>0.61582767372565395</v>
      </c>
      <c r="F50" s="98">
        <v>5.0417424602041801E-2</v>
      </c>
      <c r="G50" s="140">
        <v>0.26951596770386754</v>
      </c>
      <c r="H50" s="98">
        <v>4.6100994595010825E-2</v>
      </c>
      <c r="I50" s="140">
        <v>0.1146563585704785</v>
      </c>
      <c r="J50" s="98">
        <v>3.3536351116780931E-2</v>
      </c>
    </row>
    <row r="51" spans="1:10">
      <c r="A51" s="49" t="s">
        <v>454</v>
      </c>
      <c r="B51" s="141">
        <v>687</v>
      </c>
      <c r="C51" s="142">
        <v>0.85584637559511034</v>
      </c>
      <c r="D51" s="143">
        <v>0.16391927826026242</v>
      </c>
      <c r="E51" s="144">
        <v>0.55002856918557963</v>
      </c>
      <c r="F51" s="101">
        <v>3.7096034797649245E-2</v>
      </c>
      <c r="G51" s="144">
        <v>0.22305375469657082</v>
      </c>
      <c r="H51" s="101">
        <v>3.1118876084385655E-2</v>
      </c>
      <c r="I51" s="144">
        <v>0.22691767611784955</v>
      </c>
      <c r="J51" s="101">
        <v>3.1305964787471934E-2</v>
      </c>
    </row>
    <row r="52" spans="1:10">
      <c r="A52" s="57" t="s">
        <v>455</v>
      </c>
      <c r="B52" s="137">
        <v>206</v>
      </c>
      <c r="C52" s="138">
        <v>1.050109642830229</v>
      </c>
      <c r="D52" s="139">
        <v>0.37542281279263534</v>
      </c>
      <c r="E52" s="140">
        <v>0.50884341637552699</v>
      </c>
      <c r="F52" s="98">
        <v>6.7616245581300888E-2</v>
      </c>
      <c r="G52" s="140">
        <v>0.19755899166698065</v>
      </c>
      <c r="H52" s="98">
        <v>5.4435002989872756E-2</v>
      </c>
      <c r="I52" s="140">
        <v>0.2935975919574923</v>
      </c>
      <c r="J52" s="98">
        <v>6.1833709778693853E-2</v>
      </c>
    </row>
    <row r="53" spans="1:10">
      <c r="A53" s="49" t="s">
        <v>456</v>
      </c>
      <c r="B53" s="141">
        <v>646</v>
      </c>
      <c r="C53" s="142">
        <v>0.79255052337446086</v>
      </c>
      <c r="D53" s="143">
        <v>0.14545426222020541</v>
      </c>
      <c r="E53" s="144">
        <v>0.56389774903333467</v>
      </c>
      <c r="F53" s="101">
        <v>3.8127468337301143E-2</v>
      </c>
      <c r="G53" s="144">
        <v>0.22509264356307787</v>
      </c>
      <c r="H53" s="101">
        <v>3.2192616246334196E-2</v>
      </c>
      <c r="I53" s="144">
        <v>0.21100960740358743</v>
      </c>
      <c r="J53" s="101">
        <v>3.1464353994547667E-2</v>
      </c>
    </row>
    <row r="54" spans="1:10">
      <c r="A54" s="57" t="s">
        <v>457</v>
      </c>
      <c r="B54" s="137">
        <v>198</v>
      </c>
      <c r="C54" s="138">
        <v>0.59469573758046412</v>
      </c>
      <c r="D54" s="139">
        <v>0.20654745192642493</v>
      </c>
      <c r="E54" s="140">
        <v>0.62217830449231626</v>
      </c>
      <c r="F54" s="98">
        <v>6.6945485339131375E-2</v>
      </c>
      <c r="G54" s="140">
        <v>0.23740125993301545</v>
      </c>
      <c r="H54" s="98">
        <v>5.9113842021722034E-2</v>
      </c>
      <c r="I54" s="140">
        <v>0.1404204355746683</v>
      </c>
      <c r="J54" s="98">
        <v>4.8907254399341599E-2</v>
      </c>
    </row>
    <row r="55" spans="1:10">
      <c r="A55" s="49" t="s">
        <v>458</v>
      </c>
      <c r="B55" s="141">
        <v>295</v>
      </c>
      <c r="C55" s="142">
        <v>0.64864203991602754</v>
      </c>
      <c r="D55" s="143">
        <v>0.21409310525532704</v>
      </c>
      <c r="E55" s="144">
        <v>0.6416013184373569</v>
      </c>
      <c r="F55" s="101">
        <v>5.4417544929350282E-2</v>
      </c>
      <c r="G55" s="144">
        <v>0.1894842642421373</v>
      </c>
      <c r="H55" s="101">
        <v>4.4790000933988584E-2</v>
      </c>
      <c r="I55" s="144">
        <v>0.16891441732050577</v>
      </c>
      <c r="J55" s="101">
        <v>4.2907869847252131E-2</v>
      </c>
    </row>
    <row r="56" spans="1:10">
      <c r="A56" s="57" t="s">
        <v>459</v>
      </c>
      <c r="B56" s="137">
        <v>445</v>
      </c>
      <c r="C56" s="138">
        <v>0.88106328646850507</v>
      </c>
      <c r="D56" s="139">
        <v>0.17413141830944734</v>
      </c>
      <c r="E56" s="140">
        <v>0.54950078557378368</v>
      </c>
      <c r="F56" s="98">
        <v>4.6025890648146446E-2</v>
      </c>
      <c r="G56" s="140">
        <v>0.1911484658641544</v>
      </c>
      <c r="H56" s="98">
        <v>3.6569262679250487E-2</v>
      </c>
      <c r="I56" s="140">
        <v>0.25935074856206197</v>
      </c>
      <c r="J56" s="98">
        <v>4.0648180474176079E-2</v>
      </c>
    </row>
    <row r="57" spans="1:10">
      <c r="A57" s="49" t="s">
        <v>460</v>
      </c>
      <c r="B57" s="141">
        <v>157</v>
      </c>
      <c r="C57" s="142">
        <v>0.59079453529011494</v>
      </c>
      <c r="D57" s="143">
        <v>0.23950855496217299</v>
      </c>
      <c r="E57" s="144">
        <v>0.65320051637570731</v>
      </c>
      <c r="F57" s="101">
        <v>7.3706681415064826E-2</v>
      </c>
      <c r="G57" s="144">
        <v>0.20618605350210478</v>
      </c>
      <c r="H57" s="101">
        <v>6.329667519318935E-2</v>
      </c>
      <c r="I57" s="144">
        <v>0.14061343012218794</v>
      </c>
      <c r="J57" s="101">
        <v>5.5087302557111043E-2</v>
      </c>
    </row>
    <row r="60" spans="1:10" ht="18.75">
      <c r="A60" s="331" t="s">
        <v>14</v>
      </c>
      <c r="B60" s="331"/>
      <c r="C60" s="331"/>
      <c r="D60" s="331"/>
    </row>
    <row r="61" spans="1:10" ht="132.75" customHeight="1">
      <c r="A61" s="343" t="s">
        <v>356</v>
      </c>
      <c r="B61" s="343"/>
      <c r="C61" s="343"/>
      <c r="D61" s="343"/>
    </row>
    <row r="62" spans="1:10" ht="37.5" customHeight="1">
      <c r="A62" s="335" t="s">
        <v>188</v>
      </c>
      <c r="B62" s="335"/>
      <c r="C62" s="335"/>
      <c r="D62" s="335"/>
    </row>
    <row r="63" spans="1:10" ht="36" customHeight="1">
      <c r="A63" s="37" t="s">
        <v>114</v>
      </c>
      <c r="B63" s="38" t="s">
        <v>115</v>
      </c>
      <c r="C63" s="39" t="s">
        <v>116</v>
      </c>
      <c r="D63" s="40" t="s">
        <v>117</v>
      </c>
    </row>
    <row r="64" spans="1:10" ht="60">
      <c r="A64" s="41"/>
      <c r="B64" s="42" t="s">
        <v>118</v>
      </c>
      <c r="C64" s="43" t="s">
        <v>189</v>
      </c>
      <c r="D64" s="44" t="s">
        <v>120</v>
      </c>
    </row>
    <row r="65" spans="1:29">
      <c r="A65" s="45" t="s">
        <v>449</v>
      </c>
      <c r="B65" s="145">
        <v>12081</v>
      </c>
      <c r="C65" s="146">
        <v>3.6592151299332296</v>
      </c>
      <c r="D65" s="147">
        <v>3.1248550550141196E-2</v>
      </c>
    </row>
    <row r="66" spans="1:29">
      <c r="A66" s="49" t="s">
        <v>450</v>
      </c>
      <c r="B66" s="148">
        <v>3312</v>
      </c>
      <c r="C66" s="149">
        <v>3.6397259944312021</v>
      </c>
      <c r="D66" s="150">
        <v>5.7913643071890508E-2</v>
      </c>
    </row>
    <row r="67" spans="1:29">
      <c r="A67" s="53" t="s">
        <v>451</v>
      </c>
      <c r="B67" s="83">
        <v>265</v>
      </c>
      <c r="C67" s="84">
        <v>3.9959873759975899</v>
      </c>
      <c r="D67" s="147">
        <v>0.17890346288382686</v>
      </c>
    </row>
    <row r="68" spans="1:29">
      <c r="A68" s="49" t="s">
        <v>452</v>
      </c>
      <c r="B68" s="148">
        <v>169</v>
      </c>
      <c r="C68" s="149">
        <v>3.5637163360317707</v>
      </c>
      <c r="D68" s="150">
        <v>0.23630452968618965</v>
      </c>
    </row>
    <row r="69" spans="1:29">
      <c r="A69" s="57" t="s">
        <v>453</v>
      </c>
      <c r="B69" s="145">
        <v>350</v>
      </c>
      <c r="C69" s="146">
        <v>3.7907396765131489</v>
      </c>
      <c r="D69" s="147">
        <v>0.20412776342164474</v>
      </c>
    </row>
    <row r="70" spans="1:29">
      <c r="A70" s="49" t="s">
        <v>454</v>
      </c>
      <c r="B70" s="148">
        <v>685</v>
      </c>
      <c r="C70" s="149">
        <v>3.4332543682811085</v>
      </c>
      <c r="D70" s="150">
        <v>0.12285655041205823</v>
      </c>
    </row>
    <row r="71" spans="1:29">
      <c r="A71" s="57" t="s">
        <v>455</v>
      </c>
      <c r="B71" s="145">
        <v>213</v>
      </c>
      <c r="C71" s="146">
        <v>3.6479601422079115</v>
      </c>
      <c r="D71" s="147">
        <v>0.21041553238241129</v>
      </c>
    </row>
    <row r="72" spans="1:29">
      <c r="A72" s="49" t="s">
        <v>456</v>
      </c>
      <c r="B72" s="148">
        <v>645</v>
      </c>
      <c r="C72" s="149">
        <v>3.8125200849945546</v>
      </c>
      <c r="D72" s="150">
        <v>0.11774048611850274</v>
      </c>
    </row>
    <row r="73" spans="1:29">
      <c r="A73" s="57" t="s">
        <v>457</v>
      </c>
      <c r="B73" s="145">
        <v>203</v>
      </c>
      <c r="C73" s="146">
        <v>3.9750124427543994</v>
      </c>
      <c r="D73" s="147">
        <v>0.25703999892476315</v>
      </c>
    </row>
    <row r="74" spans="1:29">
      <c r="A74" s="49" t="s">
        <v>458</v>
      </c>
      <c r="B74" s="148">
        <v>279</v>
      </c>
      <c r="C74" s="149">
        <v>3.6771639360876769</v>
      </c>
      <c r="D74" s="150">
        <v>0.17743159411595144</v>
      </c>
    </row>
    <row r="75" spans="1:29">
      <c r="A75" s="57" t="s">
        <v>459</v>
      </c>
      <c r="B75" s="145">
        <v>445</v>
      </c>
      <c r="C75" s="146">
        <v>3.2654123687682266</v>
      </c>
      <c r="D75" s="147">
        <v>0.14779761000605696</v>
      </c>
    </row>
    <row r="76" spans="1:29">
      <c r="A76" s="49" t="s">
        <v>460</v>
      </c>
      <c r="B76" s="148">
        <v>164</v>
      </c>
      <c r="C76" s="149">
        <v>3.7469657538002785</v>
      </c>
      <c r="D76" s="150">
        <v>0.3138384822886362</v>
      </c>
    </row>
    <row r="79" spans="1:29" ht="18.75">
      <c r="A79" s="331" t="s">
        <v>43</v>
      </c>
      <c r="B79" s="331"/>
      <c r="C79" s="331"/>
      <c r="D79" s="331"/>
      <c r="E79" s="331"/>
      <c r="F79" s="331"/>
      <c r="G79" s="331"/>
      <c r="H79" s="331"/>
      <c r="I79" s="331"/>
      <c r="J79" s="331"/>
      <c r="K79" s="331"/>
      <c r="L79" s="331"/>
      <c r="M79" s="331"/>
      <c r="N79" s="331"/>
      <c r="O79" s="331"/>
      <c r="P79" s="331"/>
      <c r="Q79" s="331"/>
      <c r="R79" s="331"/>
      <c r="S79" s="331"/>
      <c r="T79" s="331"/>
      <c r="U79" s="331"/>
      <c r="V79" s="331"/>
      <c r="W79" s="331"/>
      <c r="X79" s="331"/>
      <c r="Y79" s="331"/>
      <c r="Z79" s="331"/>
      <c r="AA79" s="331"/>
      <c r="AB79" s="331"/>
      <c r="AC79" s="331"/>
    </row>
    <row r="80" spans="1:29" ht="57.75" customHeight="1">
      <c r="A80" s="344" t="s">
        <v>358</v>
      </c>
      <c r="B80" s="344"/>
      <c r="C80" s="344"/>
      <c r="D80" s="344"/>
      <c r="E80" s="344"/>
      <c r="F80" s="344"/>
      <c r="G80" s="344"/>
      <c r="H80" s="344"/>
      <c r="I80" s="344"/>
      <c r="J80" s="344"/>
      <c r="K80" s="344"/>
      <c r="L80" s="344"/>
      <c r="M80" s="344"/>
      <c r="N80" s="344"/>
      <c r="O80" s="344"/>
      <c r="P80" s="344"/>
      <c r="Q80" s="344"/>
      <c r="R80" s="344"/>
      <c r="S80" s="344"/>
      <c r="T80" s="344"/>
      <c r="U80" s="344"/>
      <c r="V80" s="344"/>
      <c r="W80" s="344"/>
      <c r="X80" s="344"/>
      <c r="Y80" s="344"/>
      <c r="Z80" s="344"/>
      <c r="AA80" s="344"/>
      <c r="AB80" s="344"/>
      <c r="AC80" s="344"/>
    </row>
    <row r="81" spans="1:29" ht="41.25" customHeight="1">
      <c r="A81" s="64"/>
      <c r="B81" s="342" t="s">
        <v>430</v>
      </c>
      <c r="C81" s="342"/>
      <c r="D81" s="342"/>
      <c r="E81" s="342"/>
      <c r="F81" s="342"/>
      <c r="G81" s="342"/>
      <c r="H81" s="342"/>
      <c r="I81" s="342" t="s">
        <v>190</v>
      </c>
      <c r="J81" s="342"/>
      <c r="K81" s="342"/>
      <c r="L81" s="342"/>
      <c r="M81" s="342"/>
      <c r="N81" s="342"/>
      <c r="O81" s="342"/>
      <c r="P81" s="342" t="s">
        <v>357</v>
      </c>
      <c r="Q81" s="342"/>
      <c r="R81" s="342"/>
      <c r="S81" s="342"/>
      <c r="T81" s="342"/>
      <c r="U81" s="342"/>
      <c r="V81" s="342"/>
      <c r="W81" s="342" t="s">
        <v>191</v>
      </c>
      <c r="X81" s="342"/>
      <c r="Y81" s="342"/>
      <c r="Z81" s="342"/>
      <c r="AA81" s="342"/>
      <c r="AB81" s="342"/>
      <c r="AC81" s="342"/>
    </row>
    <row r="82" spans="1:29" ht="40.5" customHeight="1">
      <c r="A82" s="37" t="s">
        <v>114</v>
      </c>
      <c r="B82" s="38" t="s">
        <v>115</v>
      </c>
      <c r="C82" s="38" t="s">
        <v>300</v>
      </c>
      <c r="D82" s="93" t="s">
        <v>145</v>
      </c>
      <c r="E82" s="38" t="s">
        <v>301</v>
      </c>
      <c r="F82" s="93" t="s">
        <v>146</v>
      </c>
      <c r="G82" s="38" t="s">
        <v>302</v>
      </c>
      <c r="H82" s="93" t="s">
        <v>147</v>
      </c>
      <c r="I82" s="65" t="s">
        <v>115</v>
      </c>
      <c r="J82" s="65" t="s">
        <v>300</v>
      </c>
      <c r="K82" s="92" t="s">
        <v>145</v>
      </c>
      <c r="L82" s="65" t="s">
        <v>301</v>
      </c>
      <c r="M82" s="92" t="s">
        <v>146</v>
      </c>
      <c r="N82" s="65" t="s">
        <v>302</v>
      </c>
      <c r="O82" s="92" t="s">
        <v>147</v>
      </c>
      <c r="P82" s="38" t="s">
        <v>115</v>
      </c>
      <c r="Q82" s="38" t="s">
        <v>300</v>
      </c>
      <c r="R82" s="93" t="s">
        <v>145</v>
      </c>
      <c r="S82" s="38" t="s">
        <v>301</v>
      </c>
      <c r="T82" s="93" t="s">
        <v>146</v>
      </c>
      <c r="U82" s="38" t="s">
        <v>302</v>
      </c>
      <c r="V82" s="93" t="s">
        <v>147</v>
      </c>
      <c r="W82" s="65" t="s">
        <v>115</v>
      </c>
      <c r="X82" s="65" t="s">
        <v>300</v>
      </c>
      <c r="Y82" s="92" t="s">
        <v>145</v>
      </c>
      <c r="Z82" s="65" t="s">
        <v>301</v>
      </c>
      <c r="AA82" s="92" t="s">
        <v>146</v>
      </c>
      <c r="AB82" s="65" t="s">
        <v>302</v>
      </c>
      <c r="AC82" s="92" t="s">
        <v>147</v>
      </c>
    </row>
    <row r="83" spans="1:29" ht="55.5" customHeight="1">
      <c r="A83" s="41"/>
      <c r="B83" s="42" t="s">
        <v>118</v>
      </c>
      <c r="C83" s="42" t="s">
        <v>303</v>
      </c>
      <c r="D83" s="95" t="s">
        <v>148</v>
      </c>
      <c r="E83" s="42" t="s">
        <v>304</v>
      </c>
      <c r="F83" s="95" t="s">
        <v>148</v>
      </c>
      <c r="G83" s="42" t="s">
        <v>305</v>
      </c>
      <c r="H83" s="95" t="s">
        <v>148</v>
      </c>
      <c r="I83" s="68" t="s">
        <v>118</v>
      </c>
      <c r="J83" s="68" t="s">
        <v>303</v>
      </c>
      <c r="K83" s="94" t="s">
        <v>148</v>
      </c>
      <c r="L83" s="68" t="s">
        <v>304</v>
      </c>
      <c r="M83" s="94" t="s">
        <v>148</v>
      </c>
      <c r="N83" s="68" t="s">
        <v>305</v>
      </c>
      <c r="O83" s="94" t="s">
        <v>148</v>
      </c>
      <c r="P83" s="42" t="s">
        <v>118</v>
      </c>
      <c r="Q83" s="42" t="s">
        <v>303</v>
      </c>
      <c r="R83" s="95" t="s">
        <v>148</v>
      </c>
      <c r="S83" s="42" t="s">
        <v>304</v>
      </c>
      <c r="T83" s="95" t="s">
        <v>148</v>
      </c>
      <c r="U83" s="42" t="s">
        <v>305</v>
      </c>
      <c r="V83" s="95" t="s">
        <v>148</v>
      </c>
      <c r="W83" s="68" t="s">
        <v>118</v>
      </c>
      <c r="X83" s="68" t="s">
        <v>303</v>
      </c>
      <c r="Y83" s="94" t="s">
        <v>148</v>
      </c>
      <c r="Z83" s="68" t="s">
        <v>304</v>
      </c>
      <c r="AA83" s="94" t="s">
        <v>148</v>
      </c>
      <c r="AB83" s="68" t="s">
        <v>305</v>
      </c>
      <c r="AC83" s="94" t="s">
        <v>148</v>
      </c>
    </row>
    <row r="84" spans="1:29">
      <c r="A84" s="45" t="s">
        <v>449</v>
      </c>
      <c r="B84" s="151">
        <v>12994</v>
      </c>
      <c r="C84" s="152">
        <v>0.30157218911244787</v>
      </c>
      <c r="D84" s="98">
        <v>7.8904030881576225E-3</v>
      </c>
      <c r="E84" s="152">
        <v>0.21643817540396107</v>
      </c>
      <c r="F84" s="98">
        <v>7.0808389798131073E-3</v>
      </c>
      <c r="G84" s="152">
        <v>0.48198963548359103</v>
      </c>
      <c r="H84" s="98">
        <v>8.5902549420293489E-3</v>
      </c>
      <c r="I84" s="151">
        <v>12227</v>
      </c>
      <c r="J84" s="152">
        <v>0.43236560523333667</v>
      </c>
      <c r="K84" s="98">
        <v>8.7798613112399278E-3</v>
      </c>
      <c r="L84" s="152">
        <v>0.26461043340533963</v>
      </c>
      <c r="M84" s="98">
        <v>7.8185772937253897E-3</v>
      </c>
      <c r="N84" s="152">
        <v>0.3030239613613237</v>
      </c>
      <c r="O84" s="98">
        <v>8.1451405804510088E-3</v>
      </c>
      <c r="P84" s="151">
        <v>12328</v>
      </c>
      <c r="Q84" s="152">
        <v>0.68695975716820068</v>
      </c>
      <c r="R84" s="98">
        <v>8.185174438651634E-3</v>
      </c>
      <c r="S84" s="152">
        <v>0.17304688418317557</v>
      </c>
      <c r="T84" s="98">
        <v>6.678314020086046E-3</v>
      </c>
      <c r="U84" s="152">
        <v>0.13999335864862369</v>
      </c>
      <c r="V84" s="98">
        <v>6.1262610371340676E-3</v>
      </c>
      <c r="W84" s="151">
        <v>12321</v>
      </c>
      <c r="X84" s="152">
        <v>0.39700833910139693</v>
      </c>
      <c r="Y84" s="98">
        <v>8.6382211656053833E-3</v>
      </c>
      <c r="Z84" s="152">
        <v>0.23982893739679853</v>
      </c>
      <c r="AA84" s="98">
        <v>7.5391326073517145E-3</v>
      </c>
      <c r="AB84" s="152">
        <v>0.36316272350180451</v>
      </c>
      <c r="AC84" s="98">
        <v>8.4906098845973169E-3</v>
      </c>
    </row>
    <row r="85" spans="1:29">
      <c r="A85" s="49" t="s">
        <v>450</v>
      </c>
      <c r="B85" s="153">
        <v>3583</v>
      </c>
      <c r="C85" s="154">
        <v>0.28213924115342426</v>
      </c>
      <c r="D85" s="101">
        <v>1.473179397039571E-2</v>
      </c>
      <c r="E85" s="154">
        <v>0.19395484793961415</v>
      </c>
      <c r="F85" s="101">
        <v>1.2948223390064115E-2</v>
      </c>
      <c r="G85" s="154">
        <v>0.52390591090696159</v>
      </c>
      <c r="H85" s="101">
        <v>1.6344232665083652E-2</v>
      </c>
      <c r="I85" s="153">
        <v>3362</v>
      </c>
      <c r="J85" s="154">
        <v>0.46457419640027614</v>
      </c>
      <c r="K85" s="101">
        <v>1.6849181500947431E-2</v>
      </c>
      <c r="L85" s="154">
        <v>0.2632436320910731</v>
      </c>
      <c r="M85" s="101">
        <v>1.4882946542202274E-2</v>
      </c>
      <c r="N85" s="154">
        <v>0.27218217150865076</v>
      </c>
      <c r="O85" s="101">
        <v>1.5040950772360638E-2</v>
      </c>
      <c r="P85" s="153">
        <v>3383</v>
      </c>
      <c r="Q85" s="154">
        <v>0.68373430751631858</v>
      </c>
      <c r="R85" s="101">
        <v>1.5663838934960386E-2</v>
      </c>
      <c r="S85" s="154">
        <v>0.18426981805430764</v>
      </c>
      <c r="T85" s="101">
        <v>1.3067379917859395E-2</v>
      </c>
      <c r="U85" s="154">
        <v>0.13199587442937383</v>
      </c>
      <c r="V85" s="101">
        <v>1.141549098783463E-2</v>
      </c>
      <c r="W85" s="153">
        <v>3371</v>
      </c>
      <c r="X85" s="154">
        <v>0.39163338290573313</v>
      </c>
      <c r="Y85" s="101">
        <v>1.6468994160143652E-2</v>
      </c>
      <c r="Z85" s="154">
        <v>0.25061750335902289</v>
      </c>
      <c r="AA85" s="101">
        <v>1.4626719516920298E-2</v>
      </c>
      <c r="AB85" s="154">
        <v>0.35774911373524398</v>
      </c>
      <c r="AC85" s="101">
        <v>1.617357853756619E-2</v>
      </c>
    </row>
    <row r="86" spans="1:29">
      <c r="A86" s="53" t="s">
        <v>451</v>
      </c>
      <c r="B86" s="83">
        <v>284</v>
      </c>
      <c r="C86" s="102">
        <v>0.24574321270207852</v>
      </c>
      <c r="D86" s="98">
        <v>4.9961948969753672E-2</v>
      </c>
      <c r="E86" s="102">
        <v>0.20377714466889571</v>
      </c>
      <c r="F86" s="98">
        <v>4.6867351924685753E-2</v>
      </c>
      <c r="G86" s="102">
        <v>0.55047964262902582</v>
      </c>
      <c r="H86" s="98">
        <v>5.7460157966250043E-2</v>
      </c>
      <c r="I86" s="83">
        <v>262</v>
      </c>
      <c r="J86" s="102">
        <v>0.34483970437583034</v>
      </c>
      <c r="K86" s="98">
        <v>5.7212017279260848E-2</v>
      </c>
      <c r="L86" s="102">
        <v>0.29556845863796433</v>
      </c>
      <c r="M86" s="98">
        <v>5.4999764631142027E-2</v>
      </c>
      <c r="N86" s="102">
        <v>0.35959183698620534</v>
      </c>
      <c r="O86" s="98">
        <v>5.7743455832076622E-2</v>
      </c>
      <c r="P86" s="83">
        <v>262</v>
      </c>
      <c r="Q86" s="102">
        <v>0.57641590686337696</v>
      </c>
      <c r="R86" s="98">
        <v>5.9402950115566372E-2</v>
      </c>
      <c r="S86" s="102">
        <v>0.27005142195874554</v>
      </c>
      <c r="T86" s="98">
        <v>5.3569344146487168E-2</v>
      </c>
      <c r="U86" s="102">
        <v>0.15353267117787744</v>
      </c>
      <c r="V86" s="98">
        <v>4.391638302783691E-2</v>
      </c>
      <c r="W86" s="83">
        <v>265</v>
      </c>
      <c r="X86" s="102">
        <v>0.29597946533582303</v>
      </c>
      <c r="Y86" s="98">
        <v>5.4711679089043119E-2</v>
      </c>
      <c r="Z86" s="102">
        <v>0.40938726580496937</v>
      </c>
      <c r="AA86" s="98">
        <v>5.8791705279614019E-2</v>
      </c>
      <c r="AB86" s="102">
        <v>0.2946332688592076</v>
      </c>
      <c r="AC86" s="98">
        <v>5.4641830585908949E-2</v>
      </c>
    </row>
    <row r="87" spans="1:29">
      <c r="A87" s="49" t="s">
        <v>452</v>
      </c>
      <c r="B87" s="153">
        <v>181</v>
      </c>
      <c r="C87" s="154">
        <v>0.2792143111768986</v>
      </c>
      <c r="D87" s="101">
        <v>6.4980100388473711E-2</v>
      </c>
      <c r="E87" s="154">
        <v>0.1483239071963704</v>
      </c>
      <c r="F87" s="101">
        <v>5.2278327406259172E-2</v>
      </c>
      <c r="G87" s="154">
        <v>0.572461781626731</v>
      </c>
      <c r="H87" s="101">
        <v>7.1323083269029322E-2</v>
      </c>
      <c r="I87" s="153">
        <v>166</v>
      </c>
      <c r="J87" s="154">
        <v>0.46833747688070015</v>
      </c>
      <c r="K87" s="101">
        <v>7.5018736509599698E-2</v>
      </c>
      <c r="L87" s="154">
        <v>0.20106859555658999</v>
      </c>
      <c r="M87" s="101">
        <v>6.1024548208496801E-2</v>
      </c>
      <c r="N87" s="154">
        <v>0.33059392756270983</v>
      </c>
      <c r="O87" s="101">
        <v>7.0929926339445823E-2</v>
      </c>
      <c r="P87" s="153">
        <v>167</v>
      </c>
      <c r="Q87" s="154">
        <v>0.71234287625345061</v>
      </c>
      <c r="R87" s="101">
        <v>6.8192755355392223E-2</v>
      </c>
      <c r="S87" s="154">
        <v>0.15909406082065736</v>
      </c>
      <c r="T87" s="101">
        <v>5.5912629068699961E-2</v>
      </c>
      <c r="U87" s="154">
        <v>0.12856306292589206</v>
      </c>
      <c r="V87" s="101">
        <v>5.1577331262027071E-2</v>
      </c>
      <c r="W87" s="153">
        <v>169</v>
      </c>
      <c r="X87" s="154">
        <v>0.43007672521866147</v>
      </c>
      <c r="Y87" s="101">
        <v>7.3809468835926623E-2</v>
      </c>
      <c r="Z87" s="154">
        <v>0.37768415363776753</v>
      </c>
      <c r="AA87" s="101">
        <v>7.2349195467693111E-2</v>
      </c>
      <c r="AB87" s="154">
        <v>0.19223912114357097</v>
      </c>
      <c r="AC87" s="101">
        <v>5.9534206202353494E-2</v>
      </c>
    </row>
    <row r="88" spans="1:29">
      <c r="A88" s="57" t="s">
        <v>453</v>
      </c>
      <c r="B88" s="151">
        <v>359</v>
      </c>
      <c r="C88" s="152">
        <v>0.28539804223574872</v>
      </c>
      <c r="D88" s="98">
        <v>4.6572806724633056E-2</v>
      </c>
      <c r="E88" s="152">
        <v>0.19458622318460189</v>
      </c>
      <c r="F88" s="98">
        <v>4.0990442678020371E-2</v>
      </c>
      <c r="G88" s="152">
        <v>0.52001573457964945</v>
      </c>
      <c r="H88" s="98">
        <v>5.1396333732690716E-2</v>
      </c>
      <c r="I88" s="151">
        <v>338</v>
      </c>
      <c r="J88" s="152">
        <v>0.29193327174864014</v>
      </c>
      <c r="K88" s="98">
        <v>4.830331479916429E-2</v>
      </c>
      <c r="L88" s="152">
        <v>0.39314751415045995</v>
      </c>
      <c r="M88" s="98">
        <v>5.1796912935646297E-2</v>
      </c>
      <c r="N88" s="152">
        <v>0.3149192141008999</v>
      </c>
      <c r="O88" s="98">
        <v>4.9318946409551929E-2</v>
      </c>
      <c r="P88" s="151">
        <v>345</v>
      </c>
      <c r="Q88" s="152">
        <v>0.59150626054756505</v>
      </c>
      <c r="R88" s="98">
        <v>5.1592571135284301E-2</v>
      </c>
      <c r="S88" s="152">
        <v>0.2261235360693887</v>
      </c>
      <c r="T88" s="98">
        <v>4.410249191179183E-2</v>
      </c>
      <c r="U88" s="152">
        <v>0.18237020338304621</v>
      </c>
      <c r="V88" s="98">
        <v>4.0824571309291645E-2</v>
      </c>
      <c r="W88" s="151">
        <v>350</v>
      </c>
      <c r="X88" s="152">
        <v>0.32772667402813055</v>
      </c>
      <c r="Y88" s="98">
        <v>4.8971067997717908E-2</v>
      </c>
      <c r="Z88" s="152">
        <v>0.43517671991182522</v>
      </c>
      <c r="AA88" s="98">
        <v>5.165673640844972E-2</v>
      </c>
      <c r="AB88" s="152">
        <v>0.23709660606004423</v>
      </c>
      <c r="AC88" s="98">
        <v>4.4494721171360767E-2</v>
      </c>
    </row>
    <row r="89" spans="1:29">
      <c r="A89" s="49" t="s">
        <v>454</v>
      </c>
      <c r="B89" s="153">
        <v>714</v>
      </c>
      <c r="C89" s="154">
        <v>0.29816784439557587</v>
      </c>
      <c r="D89" s="101">
        <v>3.3497318945190452E-2</v>
      </c>
      <c r="E89" s="154">
        <v>0.18539501152281196</v>
      </c>
      <c r="F89" s="101">
        <v>2.8529351698191898E-2</v>
      </c>
      <c r="G89" s="154">
        <v>0.51643714408161212</v>
      </c>
      <c r="H89" s="101">
        <v>3.6553726818526991E-2</v>
      </c>
      <c r="I89" s="153">
        <v>681</v>
      </c>
      <c r="J89" s="154">
        <v>0.59294751132117751</v>
      </c>
      <c r="K89" s="101">
        <v>3.6798880644431299E-2</v>
      </c>
      <c r="L89" s="154">
        <v>0.24257046939824428</v>
      </c>
      <c r="M89" s="101">
        <v>3.2167033421647506E-2</v>
      </c>
      <c r="N89" s="154">
        <v>0.16448201928057818</v>
      </c>
      <c r="O89" s="101">
        <v>2.7893908736535414E-2</v>
      </c>
      <c r="P89" s="153">
        <v>688</v>
      </c>
      <c r="Q89" s="154">
        <v>0.73031417274136379</v>
      </c>
      <c r="R89" s="101">
        <v>3.3117691264378225E-2</v>
      </c>
      <c r="S89" s="154">
        <v>0.15399785999442187</v>
      </c>
      <c r="T89" s="101">
        <v>2.7035482973153949E-2</v>
      </c>
      <c r="U89" s="154">
        <v>0.11568796726421429</v>
      </c>
      <c r="V89" s="101">
        <v>2.4028899129429553E-2</v>
      </c>
      <c r="W89" s="153">
        <v>685</v>
      </c>
      <c r="X89" s="154">
        <v>0.48676160539247465</v>
      </c>
      <c r="Y89" s="101">
        <v>3.7322089526223373E-2</v>
      </c>
      <c r="Z89" s="154">
        <v>0.34828975580320531</v>
      </c>
      <c r="AA89" s="101">
        <v>3.5595807640812147E-2</v>
      </c>
      <c r="AB89" s="154">
        <v>0.16494863880432012</v>
      </c>
      <c r="AC89" s="101">
        <v>2.784304499547258E-2</v>
      </c>
    </row>
    <row r="90" spans="1:29">
      <c r="A90" s="57" t="s">
        <v>455</v>
      </c>
      <c r="B90" s="151">
        <v>219</v>
      </c>
      <c r="C90" s="152">
        <v>0.29535112470740899</v>
      </c>
      <c r="D90" s="98">
        <v>6.0090717091208327E-2</v>
      </c>
      <c r="E90" s="152">
        <v>0.17852849683145813</v>
      </c>
      <c r="F90" s="98">
        <v>5.0889337570745395E-2</v>
      </c>
      <c r="G90" s="152">
        <v>0.52612037846113291</v>
      </c>
      <c r="H90" s="98">
        <v>6.5539231397310882E-2</v>
      </c>
      <c r="I90" s="151">
        <v>210</v>
      </c>
      <c r="J90" s="152">
        <v>0.51390371995092954</v>
      </c>
      <c r="K90" s="98">
        <v>6.6966474721987343E-2</v>
      </c>
      <c r="L90" s="152">
        <v>0.28950978110150061</v>
      </c>
      <c r="M90" s="98">
        <v>6.1007773132202202E-2</v>
      </c>
      <c r="N90" s="152">
        <v>0.19658649894756983</v>
      </c>
      <c r="O90" s="98">
        <v>5.3818686096483402E-2</v>
      </c>
      <c r="P90" s="151">
        <v>214</v>
      </c>
      <c r="Q90" s="152">
        <v>0.64700952093431374</v>
      </c>
      <c r="R90" s="98">
        <v>6.3549262419431068E-2</v>
      </c>
      <c r="S90" s="152">
        <v>0.21671151616726386</v>
      </c>
      <c r="T90" s="98">
        <v>5.5160831919149896E-2</v>
      </c>
      <c r="U90" s="152">
        <v>0.13627896289842237</v>
      </c>
      <c r="V90" s="98">
        <v>4.6465055073364681E-2</v>
      </c>
      <c r="W90" s="151">
        <v>213</v>
      </c>
      <c r="X90" s="152">
        <v>0.43692772880168529</v>
      </c>
      <c r="Y90" s="98">
        <v>6.6014797176813036E-2</v>
      </c>
      <c r="Z90" s="152">
        <v>0.39731631735619077</v>
      </c>
      <c r="AA90" s="98">
        <v>6.5161053078262296E-2</v>
      </c>
      <c r="AB90" s="152">
        <v>0.16575595384212394</v>
      </c>
      <c r="AC90" s="98">
        <v>5.0202192588281923E-2</v>
      </c>
    </row>
    <row r="91" spans="1:29">
      <c r="A91" s="49" t="s">
        <v>456</v>
      </c>
      <c r="B91" s="153">
        <v>675</v>
      </c>
      <c r="C91" s="154">
        <v>0.27230965524457951</v>
      </c>
      <c r="D91" s="101">
        <v>3.3534541043165701E-2</v>
      </c>
      <c r="E91" s="154">
        <v>0.19545342933900714</v>
      </c>
      <c r="F91" s="101">
        <v>2.9930762882393068E-2</v>
      </c>
      <c r="G91" s="154">
        <v>0.53223691541641338</v>
      </c>
      <c r="H91" s="101">
        <v>3.7531619184217803E-2</v>
      </c>
      <c r="I91" s="153">
        <v>636</v>
      </c>
      <c r="J91" s="154">
        <v>0.40071991281087932</v>
      </c>
      <c r="K91" s="101">
        <v>3.7976287094634388E-2</v>
      </c>
      <c r="L91" s="154">
        <v>0.28236665564800462</v>
      </c>
      <c r="M91" s="101">
        <v>3.4926546477218635E-2</v>
      </c>
      <c r="N91" s="154">
        <v>0.31691343154111601</v>
      </c>
      <c r="O91" s="101">
        <v>3.6082187969593872E-2</v>
      </c>
      <c r="P91" s="153">
        <v>632</v>
      </c>
      <c r="Q91" s="154">
        <v>0.61910107922734803</v>
      </c>
      <c r="R91" s="101">
        <v>3.7755210016065459E-2</v>
      </c>
      <c r="S91" s="154">
        <v>0.22428707239993162</v>
      </c>
      <c r="T91" s="101">
        <v>3.2506227994434214E-2</v>
      </c>
      <c r="U91" s="154">
        <v>0.15661184837272032</v>
      </c>
      <c r="V91" s="101">
        <v>2.8403430810257153E-2</v>
      </c>
      <c r="W91" s="153">
        <v>645</v>
      </c>
      <c r="X91" s="154">
        <v>0.33285005277767354</v>
      </c>
      <c r="Y91" s="101">
        <v>3.6283171706251463E-2</v>
      </c>
      <c r="Z91" s="154">
        <v>0.46248016939792719</v>
      </c>
      <c r="AA91" s="101">
        <v>3.8361239980086524E-2</v>
      </c>
      <c r="AB91" s="154">
        <v>0.20466977782439935</v>
      </c>
      <c r="AC91" s="101">
        <v>3.1142927392476396E-2</v>
      </c>
    </row>
    <row r="92" spans="1:29">
      <c r="A92" s="57" t="s">
        <v>457</v>
      </c>
      <c r="B92" s="151">
        <v>208</v>
      </c>
      <c r="C92" s="152">
        <v>0.35184371374693313</v>
      </c>
      <c r="D92" s="98">
        <v>6.439954189121351E-2</v>
      </c>
      <c r="E92" s="152">
        <v>0.17759221169684869</v>
      </c>
      <c r="F92" s="98">
        <v>5.2124878964420786E-2</v>
      </c>
      <c r="G92" s="152">
        <v>0.47056407455621824</v>
      </c>
      <c r="H92" s="98">
        <v>6.7194303543209058E-2</v>
      </c>
      <c r="I92" s="151">
        <v>195</v>
      </c>
      <c r="J92" s="152">
        <v>0.30804449092505842</v>
      </c>
      <c r="K92" s="98">
        <v>6.4367123391045764E-2</v>
      </c>
      <c r="L92" s="152">
        <v>0.30000861802020962</v>
      </c>
      <c r="M92" s="98">
        <v>6.3912002861219966E-2</v>
      </c>
      <c r="N92" s="152">
        <v>0.39194689105473196</v>
      </c>
      <c r="O92" s="98">
        <v>6.789485262681938E-2</v>
      </c>
      <c r="P92" s="151">
        <v>202</v>
      </c>
      <c r="Q92" s="152">
        <v>0.55347847813873896</v>
      </c>
      <c r="R92" s="98">
        <v>6.7903263345720485E-2</v>
      </c>
      <c r="S92" s="152">
        <v>0.19069591273538733</v>
      </c>
      <c r="T92" s="98">
        <v>5.4283149772627368E-2</v>
      </c>
      <c r="U92" s="152">
        <v>0.25582560912587377</v>
      </c>
      <c r="V92" s="98">
        <v>5.9942038194398362E-2</v>
      </c>
      <c r="W92" s="151">
        <v>203</v>
      </c>
      <c r="X92" s="152">
        <v>0.25345734951211135</v>
      </c>
      <c r="Y92" s="98">
        <v>5.9621678245204236E-2</v>
      </c>
      <c r="Z92" s="152">
        <v>0.47499658102575693</v>
      </c>
      <c r="AA92" s="98">
        <v>6.8032752275182518E-2</v>
      </c>
      <c r="AB92" s="152">
        <v>0.27154606946213172</v>
      </c>
      <c r="AC92" s="98">
        <v>6.0894147854551529E-2</v>
      </c>
    </row>
    <row r="93" spans="1:29">
      <c r="A93" s="49" t="s">
        <v>458</v>
      </c>
      <c r="B93" s="153">
        <v>302</v>
      </c>
      <c r="C93" s="154">
        <v>0.21515119947567093</v>
      </c>
      <c r="D93" s="101">
        <v>4.6329061395718261E-2</v>
      </c>
      <c r="E93" s="154">
        <v>0.21569946218522731</v>
      </c>
      <c r="F93" s="101">
        <v>4.637022375958641E-2</v>
      </c>
      <c r="G93" s="154">
        <v>0.56914933833910164</v>
      </c>
      <c r="H93" s="101">
        <v>5.5498571665973537E-2</v>
      </c>
      <c r="I93" s="153">
        <v>270</v>
      </c>
      <c r="J93" s="154">
        <v>0.4273009328152898</v>
      </c>
      <c r="K93" s="101">
        <v>5.8593148293656167E-2</v>
      </c>
      <c r="L93" s="154">
        <v>0.26344374947525662</v>
      </c>
      <c r="M93" s="101">
        <v>5.2376346290651049E-2</v>
      </c>
      <c r="N93" s="154">
        <v>0.30925531770945358</v>
      </c>
      <c r="O93" s="101">
        <v>5.4861475636587879E-2</v>
      </c>
      <c r="P93" s="153">
        <v>263</v>
      </c>
      <c r="Q93" s="154">
        <v>0.78385446099220946</v>
      </c>
      <c r="R93" s="101">
        <v>4.9721104338720117E-2</v>
      </c>
      <c r="S93" s="154">
        <v>0.15834144288415905</v>
      </c>
      <c r="T93" s="101">
        <v>4.4355702488431806E-2</v>
      </c>
      <c r="U93" s="154">
        <v>5.7804096123631465E-2</v>
      </c>
      <c r="V93" s="101">
        <v>2.9449555176203832E-2</v>
      </c>
      <c r="W93" s="153">
        <v>279</v>
      </c>
      <c r="X93" s="154">
        <v>0.34456073723422864</v>
      </c>
      <c r="Y93" s="101">
        <v>5.5451471740732582E-2</v>
      </c>
      <c r="Z93" s="154">
        <v>0.49392995758235814</v>
      </c>
      <c r="AA93" s="101">
        <v>5.8250780721141732E-2</v>
      </c>
      <c r="AB93" s="154">
        <v>0.16150930518341322</v>
      </c>
      <c r="AC93" s="101">
        <v>4.3381764860282356E-2</v>
      </c>
    </row>
    <row r="94" spans="1:29">
      <c r="A94" s="57" t="s">
        <v>459</v>
      </c>
      <c r="B94" s="151">
        <v>464</v>
      </c>
      <c r="C94" s="152">
        <v>0.31743754529399815</v>
      </c>
      <c r="D94" s="98">
        <v>4.2228075111803633E-2</v>
      </c>
      <c r="E94" s="152">
        <v>0.20553699534304434</v>
      </c>
      <c r="F94" s="98">
        <v>3.6776364061477836E-2</v>
      </c>
      <c r="G94" s="152">
        <v>0.47702545936295748</v>
      </c>
      <c r="H94" s="98">
        <v>4.5253483685750058E-2</v>
      </c>
      <c r="I94" s="151">
        <v>433</v>
      </c>
      <c r="J94" s="152">
        <v>0.61710115160947498</v>
      </c>
      <c r="K94" s="98">
        <v>4.5600025205895942E-2</v>
      </c>
      <c r="L94" s="152">
        <v>0.17578669717476314</v>
      </c>
      <c r="M94" s="98">
        <v>3.5923627089164772E-2</v>
      </c>
      <c r="N94" s="152">
        <v>0.20711215121576196</v>
      </c>
      <c r="O94" s="98">
        <v>3.8175200037172952E-2</v>
      </c>
      <c r="P94" s="151">
        <v>437</v>
      </c>
      <c r="Q94" s="152">
        <v>0.80277642164701624</v>
      </c>
      <c r="R94" s="98">
        <v>3.7331222650193986E-2</v>
      </c>
      <c r="S94" s="152">
        <v>0.12422475441662656</v>
      </c>
      <c r="T94" s="98">
        <v>3.1143548361021286E-2</v>
      </c>
      <c r="U94" s="152">
        <v>7.2998823936357191E-2</v>
      </c>
      <c r="V94" s="98">
        <v>2.4862880444425004E-2</v>
      </c>
      <c r="W94" s="151">
        <v>445</v>
      </c>
      <c r="X94" s="152">
        <v>0.56581235927753681</v>
      </c>
      <c r="Y94" s="98">
        <v>4.5853843256734937E-2</v>
      </c>
      <c r="Z94" s="152">
        <v>0.3122042585995069</v>
      </c>
      <c r="AA94" s="98">
        <v>4.2925339462863407E-2</v>
      </c>
      <c r="AB94" s="152">
        <v>0.12198338212295629</v>
      </c>
      <c r="AC94" s="98">
        <v>3.0627653438550489E-2</v>
      </c>
    </row>
    <row r="95" spans="1:29">
      <c r="A95" s="49" t="s">
        <v>460</v>
      </c>
      <c r="B95" s="153">
        <v>166</v>
      </c>
      <c r="C95" s="154">
        <v>0.25855977379146433</v>
      </c>
      <c r="D95" s="101">
        <v>6.6282572738315865E-2</v>
      </c>
      <c r="E95" s="154">
        <v>0.19119250101267862</v>
      </c>
      <c r="F95" s="101">
        <v>5.9955567579280881E-2</v>
      </c>
      <c r="G95" s="154">
        <v>0.55024772519585707</v>
      </c>
      <c r="H95" s="101">
        <v>7.4799798311611085E-2</v>
      </c>
      <c r="I95" s="153">
        <v>160</v>
      </c>
      <c r="J95" s="154">
        <v>0.44982303701948895</v>
      </c>
      <c r="K95" s="101">
        <v>7.6157489009760451E-2</v>
      </c>
      <c r="L95" s="154">
        <v>0.26013511539867246</v>
      </c>
      <c r="M95" s="101">
        <v>6.7626270409876899E-2</v>
      </c>
      <c r="N95" s="154">
        <v>0.29004184758183849</v>
      </c>
      <c r="O95" s="101">
        <v>6.9808668956322428E-2</v>
      </c>
      <c r="P95" s="153">
        <v>162</v>
      </c>
      <c r="Q95" s="154">
        <v>0.65136065749025518</v>
      </c>
      <c r="R95" s="101">
        <v>7.2667718772329734E-2</v>
      </c>
      <c r="S95" s="154">
        <v>0.10833371872799592</v>
      </c>
      <c r="T95" s="101">
        <v>4.9035725934881723E-2</v>
      </c>
      <c r="U95" s="154">
        <v>0.24030562378174897</v>
      </c>
      <c r="V95" s="101">
        <v>6.556765346424813E-2</v>
      </c>
      <c r="W95" s="153">
        <v>164</v>
      </c>
      <c r="X95" s="154">
        <v>0.37615970874380722</v>
      </c>
      <c r="Y95" s="101">
        <v>7.3365351248645211E-2</v>
      </c>
      <c r="Z95" s="154">
        <v>0.42797051333261377</v>
      </c>
      <c r="AA95" s="101">
        <v>7.4857270338222384E-2</v>
      </c>
      <c r="AB95" s="154">
        <v>0.19586977792357899</v>
      </c>
      <c r="AC95" s="101">
        <v>6.0836896029136195E-2</v>
      </c>
    </row>
  </sheetData>
  <mergeCells count="20">
    <mergeCell ref="A3:D3"/>
    <mergeCell ref="A4:D4"/>
    <mergeCell ref="A5:D5"/>
    <mergeCell ref="A22:Q22"/>
    <mergeCell ref="A23:Q23"/>
    <mergeCell ref="B24:H24"/>
    <mergeCell ref="I24:Q24"/>
    <mergeCell ref="B43:D43"/>
    <mergeCell ref="E43:J43"/>
    <mergeCell ref="A42:J42"/>
    <mergeCell ref="A41:J41"/>
    <mergeCell ref="B81:H81"/>
    <mergeCell ref="I81:O81"/>
    <mergeCell ref="P81:V81"/>
    <mergeCell ref="W81:AC81"/>
    <mergeCell ref="A60:D60"/>
    <mergeCell ref="A61:D61"/>
    <mergeCell ref="A62:D62"/>
    <mergeCell ref="A79:AC79"/>
    <mergeCell ref="A80:AC80"/>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114"/>
  <sheetViews>
    <sheetView topLeftCell="A100" workbookViewId="0">
      <selection activeCell="C110" sqref="C110"/>
    </sheetView>
  </sheetViews>
  <sheetFormatPr defaultColWidth="16.5703125" defaultRowHeight="15"/>
  <cols>
    <col min="1" max="1" width="30.5703125" customWidth="1"/>
  </cols>
  <sheetData>
    <row r="1" spans="1:15" ht="31.5">
      <c r="A1" s="33" t="s">
        <v>48</v>
      </c>
    </row>
    <row r="3" spans="1:15" ht="18.75">
      <c r="A3" s="331" t="s">
        <v>6</v>
      </c>
      <c r="B3" s="331"/>
      <c r="C3" s="331"/>
      <c r="D3" s="331"/>
      <c r="E3" s="331"/>
      <c r="F3" s="331"/>
      <c r="G3" s="331"/>
      <c r="H3" s="331"/>
      <c r="I3" s="331"/>
      <c r="J3" s="331"/>
      <c r="K3" s="331"/>
      <c r="L3" s="331"/>
      <c r="M3" s="331"/>
      <c r="N3" s="331"/>
      <c r="O3" s="331"/>
    </row>
    <row r="4" spans="1:15" ht="22.5" customHeight="1">
      <c r="A4" s="344" t="s">
        <v>192</v>
      </c>
      <c r="B4" s="344"/>
      <c r="C4" s="344"/>
      <c r="D4" s="344"/>
      <c r="E4" s="344"/>
      <c r="F4" s="344"/>
      <c r="G4" s="344"/>
      <c r="H4" s="344"/>
      <c r="I4" s="344"/>
      <c r="J4" s="344"/>
      <c r="K4" s="344"/>
      <c r="L4" s="344"/>
      <c r="M4" s="344"/>
      <c r="N4" s="344"/>
      <c r="O4" s="344"/>
    </row>
    <row r="5" spans="1:15" ht="34.5" customHeight="1">
      <c r="A5" s="333" t="s">
        <v>193</v>
      </c>
      <c r="B5" s="333"/>
      <c r="C5" s="333"/>
      <c r="D5" s="333"/>
      <c r="E5" s="355" t="s">
        <v>35</v>
      </c>
      <c r="F5" s="355"/>
      <c r="G5" s="355"/>
      <c r="H5" s="355"/>
      <c r="I5" s="355"/>
      <c r="J5" s="355"/>
      <c r="K5" s="355"/>
      <c r="L5" s="355"/>
      <c r="M5" s="355"/>
      <c r="N5" s="355"/>
      <c r="O5" s="355"/>
    </row>
    <row r="6" spans="1:15" ht="39" customHeight="1">
      <c r="A6" s="37" t="s">
        <v>114</v>
      </c>
      <c r="B6" s="38" t="s">
        <v>115</v>
      </c>
      <c r="C6" s="39" t="s">
        <v>116</v>
      </c>
      <c r="D6" s="40" t="s">
        <v>117</v>
      </c>
      <c r="E6" s="38" t="s">
        <v>115</v>
      </c>
      <c r="F6" s="38" t="s">
        <v>363</v>
      </c>
      <c r="G6" s="93" t="s">
        <v>253</v>
      </c>
      <c r="H6" s="38" t="s">
        <v>362</v>
      </c>
      <c r="I6" s="93" t="s">
        <v>367</v>
      </c>
      <c r="J6" s="38" t="s">
        <v>194</v>
      </c>
      <c r="K6" s="93" t="s">
        <v>369</v>
      </c>
      <c r="L6" s="38" t="s">
        <v>364</v>
      </c>
      <c r="M6" s="93" t="s">
        <v>370</v>
      </c>
      <c r="N6" s="38" t="s">
        <v>365</v>
      </c>
      <c r="O6" s="93" t="s">
        <v>373</v>
      </c>
    </row>
    <row r="7" spans="1:15" ht="84">
      <c r="A7" s="41"/>
      <c r="B7" s="42" t="s">
        <v>118</v>
      </c>
      <c r="C7" s="43" t="s">
        <v>196</v>
      </c>
      <c r="D7" s="44" t="s">
        <v>120</v>
      </c>
      <c r="E7" s="42" t="s">
        <v>118</v>
      </c>
      <c r="F7" s="42" t="s">
        <v>368</v>
      </c>
      <c r="G7" s="95" t="s">
        <v>148</v>
      </c>
      <c r="H7" s="42" t="s">
        <v>366</v>
      </c>
      <c r="I7" s="95" t="s">
        <v>148</v>
      </c>
      <c r="J7" s="42" t="s">
        <v>334</v>
      </c>
      <c r="K7" s="95" t="s">
        <v>148</v>
      </c>
      <c r="L7" s="42" t="s">
        <v>371</v>
      </c>
      <c r="M7" s="95" t="s">
        <v>148</v>
      </c>
      <c r="N7" s="42" t="s">
        <v>372</v>
      </c>
      <c r="O7" s="95" t="s">
        <v>148</v>
      </c>
    </row>
    <row r="8" spans="1:15">
      <c r="A8" s="45" t="s">
        <v>449</v>
      </c>
      <c r="B8" s="155">
        <v>12294</v>
      </c>
      <c r="C8" s="156">
        <v>3.283860702618981</v>
      </c>
      <c r="D8" s="139">
        <v>3.0407773516440084E-2</v>
      </c>
      <c r="E8" s="129">
        <v>12294</v>
      </c>
      <c r="F8" s="157">
        <v>5.1752716458454182E-2</v>
      </c>
      <c r="G8" s="98">
        <v>3.8570487635305982E-3</v>
      </c>
      <c r="H8" s="158">
        <v>0.17686548645601688</v>
      </c>
      <c r="I8" s="98">
        <v>6.6362649748039071E-3</v>
      </c>
      <c r="J8" s="158">
        <v>0.32702119587216988</v>
      </c>
      <c r="K8" s="98">
        <v>8.1578547243698202E-3</v>
      </c>
      <c r="L8" s="158">
        <v>0.32448958043481174</v>
      </c>
      <c r="M8" s="98">
        <v>8.1414985895763015E-3</v>
      </c>
      <c r="N8" s="158">
        <v>0.11987102077854735</v>
      </c>
      <c r="O8" s="98">
        <v>5.6504906416612235E-3</v>
      </c>
    </row>
    <row r="9" spans="1:15">
      <c r="A9" s="49" t="s">
        <v>450</v>
      </c>
      <c r="B9" s="159">
        <v>3476</v>
      </c>
      <c r="C9" s="160">
        <v>3.2924525446819195</v>
      </c>
      <c r="D9" s="143">
        <v>5.7706097082764085E-2</v>
      </c>
      <c r="E9" s="132">
        <v>3476</v>
      </c>
      <c r="F9" s="161">
        <v>5.383676645864937E-2</v>
      </c>
      <c r="G9" s="101">
        <v>7.3984235739462684E-3</v>
      </c>
      <c r="H9" s="162">
        <v>0.15902614516870245</v>
      </c>
      <c r="I9" s="101">
        <v>1.1947771022977227E-2</v>
      </c>
      <c r="J9" s="162">
        <v>0.34244774018261825</v>
      </c>
      <c r="K9" s="101">
        <v>1.549025509530714E-2</v>
      </c>
      <c r="L9" s="162">
        <v>0.33022647361213908</v>
      </c>
      <c r="M9" s="101">
        <v>1.5352385890526583E-2</v>
      </c>
      <c r="N9" s="162">
        <v>0.1144628745778908</v>
      </c>
      <c r="O9" s="101">
        <v>1.0408396567714398E-2</v>
      </c>
    </row>
    <row r="10" spans="1:15" ht="30" customHeight="1">
      <c r="A10" s="53" t="s">
        <v>451</v>
      </c>
      <c r="B10" s="54">
        <v>285</v>
      </c>
      <c r="C10" s="55">
        <v>3.3567900505265809</v>
      </c>
      <c r="D10" s="56">
        <v>0.18095346393082679</v>
      </c>
      <c r="E10" s="83">
        <v>285</v>
      </c>
      <c r="F10" s="102">
        <v>5.2285342939019215E-2</v>
      </c>
      <c r="G10" s="98">
        <v>2.705408623071686E-2</v>
      </c>
      <c r="H10" s="102">
        <v>0.11694572456855086</v>
      </c>
      <c r="I10" s="98">
        <v>3.7767062059783238E-2</v>
      </c>
      <c r="J10" s="102">
        <v>0.39839180730016527</v>
      </c>
      <c r="K10" s="98">
        <v>5.647759629830354E-2</v>
      </c>
      <c r="L10" s="102">
        <v>0.28644778941135912</v>
      </c>
      <c r="M10" s="98">
        <v>5.2284214127209232E-2</v>
      </c>
      <c r="N10" s="102">
        <v>0.14592933578090553</v>
      </c>
      <c r="O10" s="98">
        <v>4.1261812265682936E-2</v>
      </c>
    </row>
    <row r="11" spans="1:15">
      <c r="A11" s="49" t="s">
        <v>452</v>
      </c>
      <c r="B11" s="159">
        <v>180</v>
      </c>
      <c r="C11" s="160">
        <v>3.0289887755984588</v>
      </c>
      <c r="D11" s="143">
        <v>0.27785113313220533</v>
      </c>
      <c r="E11" s="132">
        <v>180</v>
      </c>
      <c r="F11" s="161">
        <v>0.13761590597872139</v>
      </c>
      <c r="G11" s="101">
        <v>5.0947988073397586E-2</v>
      </c>
      <c r="H11" s="162">
        <v>0.18910086426133296</v>
      </c>
      <c r="I11" s="101">
        <v>5.734366980282115E-2</v>
      </c>
      <c r="J11" s="162">
        <v>0.22506988071991155</v>
      </c>
      <c r="K11" s="101">
        <v>6.0904162616562757E-2</v>
      </c>
      <c r="L11" s="162">
        <v>0.40310524626283373</v>
      </c>
      <c r="M11" s="101">
        <v>7.0936433384935368E-2</v>
      </c>
      <c r="N11" s="162">
        <v>4.5108102777200371E-2</v>
      </c>
      <c r="O11" s="101">
        <v>3.294074868477994E-2</v>
      </c>
    </row>
    <row r="12" spans="1:15">
      <c r="A12" s="57" t="s">
        <v>453</v>
      </c>
      <c r="B12" s="155">
        <v>360</v>
      </c>
      <c r="C12" s="156">
        <v>3.5218777828835064</v>
      </c>
      <c r="D12" s="139">
        <v>0.19258678927193129</v>
      </c>
      <c r="E12" s="129">
        <v>360</v>
      </c>
      <c r="F12" s="157">
        <v>2.1718593699968966E-2</v>
      </c>
      <c r="G12" s="98">
        <v>1.6643462060087665E-2</v>
      </c>
      <c r="H12" s="158">
        <v>0.14546558772292981</v>
      </c>
      <c r="I12" s="98">
        <v>3.6618227163278429E-2</v>
      </c>
      <c r="J12" s="158">
        <v>0.30128884965515434</v>
      </c>
      <c r="K12" s="98">
        <v>4.7231765546443177E-2</v>
      </c>
      <c r="L12" s="158">
        <v>0.35227337983751972</v>
      </c>
      <c r="M12" s="98">
        <v>4.912410254893728E-2</v>
      </c>
      <c r="N12" s="158">
        <v>0.17925358908442721</v>
      </c>
      <c r="O12" s="98">
        <v>3.9704306822305448E-2</v>
      </c>
    </row>
    <row r="13" spans="1:15">
      <c r="A13" s="49" t="s">
        <v>454</v>
      </c>
      <c r="B13" s="159">
        <v>722</v>
      </c>
      <c r="C13" s="160">
        <v>3.2120000211063644</v>
      </c>
      <c r="D13" s="143">
        <v>0.13278021048221156</v>
      </c>
      <c r="E13" s="132">
        <v>722</v>
      </c>
      <c r="F13" s="161">
        <v>6.6186666417747522E-2</v>
      </c>
      <c r="G13" s="101">
        <v>1.8384421162279972E-2</v>
      </c>
      <c r="H13" s="162">
        <v>0.16990879303994988</v>
      </c>
      <c r="I13" s="101">
        <v>2.7434325256600049E-2</v>
      </c>
      <c r="J13" s="162">
        <v>0.34380487303616925</v>
      </c>
      <c r="K13" s="101">
        <v>3.4571495736201371E-2</v>
      </c>
      <c r="L13" s="162">
        <v>0.32591718803045727</v>
      </c>
      <c r="M13" s="101">
        <v>3.4121406617257571E-2</v>
      </c>
      <c r="N13" s="162">
        <v>9.4182479475676109E-2</v>
      </c>
      <c r="O13" s="101">
        <v>2.1470956286129682E-2</v>
      </c>
    </row>
    <row r="14" spans="1:15">
      <c r="A14" s="57" t="s">
        <v>455</v>
      </c>
      <c r="B14" s="155">
        <v>221</v>
      </c>
      <c r="C14" s="156">
        <v>3.2303220666106833</v>
      </c>
      <c r="D14" s="139">
        <v>0.18506509074840904</v>
      </c>
      <c r="E14" s="129">
        <v>221</v>
      </c>
      <c r="F14" s="157">
        <v>3.1647712411620892E-2</v>
      </c>
      <c r="G14" s="98">
        <v>2.5597348737448799E-2</v>
      </c>
      <c r="H14" s="158">
        <v>0.17772065394598124</v>
      </c>
      <c r="I14" s="98">
        <v>5.0572581290255429E-2</v>
      </c>
      <c r="J14" s="158">
        <v>0.39739520860537225</v>
      </c>
      <c r="K14" s="98">
        <v>6.39924240772234E-2</v>
      </c>
      <c r="L14" s="158">
        <v>0.31513470469414506</v>
      </c>
      <c r="M14" s="98">
        <v>6.0872878115136843E-2</v>
      </c>
      <c r="N14" s="158">
        <v>7.8101720342880571E-2</v>
      </c>
      <c r="O14" s="98">
        <v>3.6557350313382524E-2</v>
      </c>
    </row>
    <row r="15" spans="1:15">
      <c r="A15" s="49" t="s">
        <v>456</v>
      </c>
      <c r="B15" s="159">
        <v>678</v>
      </c>
      <c r="C15" s="160">
        <v>3.3751244512586287</v>
      </c>
      <c r="D15" s="143">
        <v>0.11501299834755274</v>
      </c>
      <c r="E15" s="132">
        <v>678</v>
      </c>
      <c r="F15" s="161">
        <v>3.8818423262946669E-2</v>
      </c>
      <c r="G15" s="101">
        <v>1.4972716352296238E-2</v>
      </c>
      <c r="H15" s="162">
        <v>0.13531891644446278</v>
      </c>
      <c r="I15" s="101">
        <v>2.5842752345878739E-2</v>
      </c>
      <c r="J15" s="162">
        <v>0.32963680010522023</v>
      </c>
      <c r="K15" s="101">
        <v>3.5307756924717743E-2</v>
      </c>
      <c r="L15" s="162">
        <v>0.40437150614575568</v>
      </c>
      <c r="M15" s="101">
        <v>3.6841584152436491E-2</v>
      </c>
      <c r="N15" s="162">
        <v>9.1854354041614558E-2</v>
      </c>
      <c r="O15" s="101">
        <v>2.1928299669322568E-2</v>
      </c>
    </row>
    <row r="16" spans="1:15">
      <c r="A16" s="57" t="s">
        <v>457</v>
      </c>
      <c r="B16" s="155">
        <v>209</v>
      </c>
      <c r="C16" s="156">
        <v>3.6166635457569654</v>
      </c>
      <c r="D16" s="139">
        <v>0.25741432389162666</v>
      </c>
      <c r="E16" s="129">
        <v>209</v>
      </c>
      <c r="F16" s="157">
        <v>1.6581573371682836E-2</v>
      </c>
      <c r="G16" s="98">
        <v>2.1234823529222586E-2</v>
      </c>
      <c r="H16" s="158">
        <v>0.15317367364524406</v>
      </c>
      <c r="I16" s="98">
        <v>4.9195051558938829E-2</v>
      </c>
      <c r="J16" s="158">
        <v>0.29719581877663115</v>
      </c>
      <c r="K16" s="98">
        <v>6.1601301973688502E-2</v>
      </c>
      <c r="L16" s="158">
        <v>0.26309750226730871</v>
      </c>
      <c r="M16" s="98">
        <v>5.9450549311798835E-2</v>
      </c>
      <c r="N16" s="158">
        <v>0.26995143193913329</v>
      </c>
      <c r="O16" s="98">
        <v>5.99161287710928E-2</v>
      </c>
    </row>
    <row r="17" spans="1:15">
      <c r="A17" s="49" t="s">
        <v>458</v>
      </c>
      <c r="B17" s="159">
        <v>304</v>
      </c>
      <c r="C17" s="160">
        <v>3.2037785110308521</v>
      </c>
      <c r="D17" s="143">
        <v>0.22533518647403605</v>
      </c>
      <c r="E17" s="132">
        <v>304</v>
      </c>
      <c r="F17" s="161">
        <v>8.2139718858351321E-2</v>
      </c>
      <c r="G17" s="101">
        <v>3.1568232427501917E-2</v>
      </c>
      <c r="H17" s="162">
        <v>0.16629165522189879</v>
      </c>
      <c r="I17" s="101">
        <v>4.2012454097736053E-2</v>
      </c>
      <c r="J17" s="162">
        <v>0.34513047503254529</v>
      </c>
      <c r="K17" s="101">
        <v>5.3167175706416221E-2</v>
      </c>
      <c r="L17" s="162">
        <v>0.27852669780495554</v>
      </c>
      <c r="M17" s="101">
        <v>5.0221278273917896E-2</v>
      </c>
      <c r="N17" s="162">
        <v>0.12791145308224902</v>
      </c>
      <c r="O17" s="101">
        <v>3.7893219338489735E-2</v>
      </c>
    </row>
    <row r="18" spans="1:15">
      <c r="A18" s="57" t="s">
        <v>459</v>
      </c>
      <c r="B18" s="155">
        <v>464</v>
      </c>
      <c r="C18" s="156">
        <v>3.1589584752522297</v>
      </c>
      <c r="D18" s="139">
        <v>0.14621895579808264</v>
      </c>
      <c r="E18" s="129">
        <v>464</v>
      </c>
      <c r="F18" s="157">
        <v>5.8793323050332913E-2</v>
      </c>
      <c r="G18" s="98">
        <v>2.1941547265984334E-2</v>
      </c>
      <c r="H18" s="158">
        <v>0.19556295470253671</v>
      </c>
      <c r="I18" s="98">
        <v>3.6115123917858004E-2</v>
      </c>
      <c r="J18" s="158">
        <v>0.36900915356404013</v>
      </c>
      <c r="K18" s="98">
        <v>4.3745707417339755E-2</v>
      </c>
      <c r="L18" s="158">
        <v>0.28116106131074842</v>
      </c>
      <c r="M18" s="98">
        <v>4.0813191743022885E-2</v>
      </c>
      <c r="N18" s="158">
        <v>9.5473507372341837E-2</v>
      </c>
      <c r="O18" s="98">
        <v>2.7050691170666611E-2</v>
      </c>
    </row>
    <row r="19" spans="1:15">
      <c r="A19" s="49" t="s">
        <v>460</v>
      </c>
      <c r="B19" s="159">
        <v>167</v>
      </c>
      <c r="C19" s="160">
        <v>3.3385165913597987</v>
      </c>
      <c r="D19" s="143">
        <v>0.21469252355350354</v>
      </c>
      <c r="E19" s="132">
        <v>167</v>
      </c>
      <c r="F19" s="161">
        <v>3.2297618601428525E-2</v>
      </c>
      <c r="G19" s="101">
        <v>3.0485469965085912E-2</v>
      </c>
      <c r="H19" s="162">
        <v>0.14801771421449075</v>
      </c>
      <c r="I19" s="101">
        <v>5.4422225974833024E-2</v>
      </c>
      <c r="J19" s="162">
        <v>0.33367664162474769</v>
      </c>
      <c r="K19" s="101">
        <v>7.087761015447612E-2</v>
      </c>
      <c r="L19" s="162">
        <v>0.42088650834151969</v>
      </c>
      <c r="M19" s="101">
        <v>7.404232093347364E-2</v>
      </c>
      <c r="N19" s="162">
        <v>6.5121517217813341E-2</v>
      </c>
      <c r="O19" s="101">
        <v>3.9549440042855294E-2</v>
      </c>
    </row>
    <row r="22" spans="1:15" ht="18.75">
      <c r="A22" s="331" t="s">
        <v>374</v>
      </c>
      <c r="B22" s="331"/>
      <c r="C22" s="331"/>
      <c r="D22" s="331"/>
      <c r="E22" s="331"/>
      <c r="F22" s="331"/>
      <c r="G22" s="331"/>
      <c r="H22" s="331"/>
      <c r="I22" s="331"/>
      <c r="J22" s="311"/>
      <c r="K22" s="311"/>
    </row>
    <row r="23" spans="1:15" ht="84.75" customHeight="1">
      <c r="A23" s="356" t="s">
        <v>375</v>
      </c>
      <c r="B23" s="356"/>
      <c r="C23" s="356"/>
      <c r="D23" s="356"/>
      <c r="E23" s="356"/>
      <c r="F23" s="356"/>
      <c r="G23" s="356"/>
      <c r="H23" s="356"/>
      <c r="I23" s="356"/>
      <c r="J23" s="311"/>
      <c r="K23" s="311"/>
    </row>
    <row r="24" spans="1:15" ht="24" customHeight="1">
      <c r="A24" s="355" t="s">
        <v>374</v>
      </c>
      <c r="B24" s="355"/>
      <c r="C24" s="355"/>
      <c r="D24" s="355"/>
      <c r="E24" s="357" t="s">
        <v>376</v>
      </c>
      <c r="F24" s="358"/>
      <c r="G24" s="358"/>
      <c r="H24" s="358"/>
      <c r="I24" s="359"/>
    </row>
    <row r="25" spans="1:15" ht="45" customHeight="1">
      <c r="A25" s="37" t="s">
        <v>114</v>
      </c>
      <c r="B25" s="38" t="s">
        <v>115</v>
      </c>
      <c r="C25" s="39" t="s">
        <v>116</v>
      </c>
      <c r="D25" s="40" t="s">
        <v>117</v>
      </c>
      <c r="E25" s="38" t="s">
        <v>115</v>
      </c>
      <c r="F25" s="38" t="s">
        <v>382</v>
      </c>
      <c r="G25" s="93" t="s">
        <v>378</v>
      </c>
      <c r="H25" s="38" t="s">
        <v>383</v>
      </c>
      <c r="I25" s="93" t="s">
        <v>380</v>
      </c>
    </row>
    <row r="26" spans="1:15" ht="84">
      <c r="A26" s="41"/>
      <c r="B26" s="42" t="s">
        <v>118</v>
      </c>
      <c r="C26" s="43" t="s">
        <v>197</v>
      </c>
      <c r="D26" s="44" t="s">
        <v>120</v>
      </c>
      <c r="E26" s="42" t="s">
        <v>118</v>
      </c>
      <c r="F26" s="42" t="s">
        <v>377</v>
      </c>
      <c r="G26" s="95" t="s">
        <v>148</v>
      </c>
      <c r="H26" s="42" t="s">
        <v>379</v>
      </c>
      <c r="I26" s="95" t="s">
        <v>148</v>
      </c>
    </row>
    <row r="27" spans="1:15">
      <c r="A27" s="45" t="s">
        <v>449</v>
      </c>
      <c r="B27" s="163">
        <v>12226</v>
      </c>
      <c r="C27" s="164">
        <v>11.311562671052545</v>
      </c>
      <c r="D27" s="165">
        <v>0.14170913389016526</v>
      </c>
      <c r="E27" s="129">
        <v>12226</v>
      </c>
      <c r="F27" s="166">
        <v>0.90366920456423305</v>
      </c>
      <c r="G27" s="98">
        <v>5.1476964844827406E-3</v>
      </c>
      <c r="H27" s="166">
        <v>9.6330795435766642E-2</v>
      </c>
      <c r="I27" s="98">
        <v>5.1476964844827345E-3</v>
      </c>
    </row>
    <row r="28" spans="1:15">
      <c r="A28" s="49" t="s">
        <v>450</v>
      </c>
      <c r="B28" s="167">
        <v>3457</v>
      </c>
      <c r="C28" s="168">
        <v>11.357409975516461</v>
      </c>
      <c r="D28" s="169">
        <v>0.27323812416091009</v>
      </c>
      <c r="E28" s="132">
        <v>3457</v>
      </c>
      <c r="F28" s="170">
        <v>0.90776466877509476</v>
      </c>
      <c r="G28" s="101">
        <v>9.490405470329439E-3</v>
      </c>
      <c r="H28" s="170">
        <v>9.2235331224905195E-2</v>
      </c>
      <c r="I28" s="101">
        <v>9.4904054703294355E-3</v>
      </c>
    </row>
    <row r="29" spans="1:15" ht="30.75" customHeight="1">
      <c r="A29" s="53" t="s">
        <v>451</v>
      </c>
      <c r="B29" s="83">
        <v>284</v>
      </c>
      <c r="C29" s="84">
        <v>10.711051935994647</v>
      </c>
      <c r="D29" s="85">
        <v>0.61556419150829278</v>
      </c>
      <c r="E29" s="83">
        <v>284</v>
      </c>
      <c r="F29" s="102">
        <v>0.96372017889397887</v>
      </c>
      <c r="G29" s="98">
        <v>2.3355909482127169E-2</v>
      </c>
      <c r="H29" s="102">
        <v>3.6279821106021085E-2</v>
      </c>
      <c r="I29" s="98">
        <v>2.3355909482127155E-2</v>
      </c>
    </row>
    <row r="30" spans="1:15">
      <c r="A30" s="49" t="s">
        <v>452</v>
      </c>
      <c r="B30" s="167">
        <v>180</v>
      </c>
      <c r="C30" s="168">
        <v>12.133071072505249</v>
      </c>
      <c r="D30" s="169">
        <v>1.1939461083311649</v>
      </c>
      <c r="E30" s="132">
        <v>180</v>
      </c>
      <c r="F30" s="170">
        <v>0.82947695822749634</v>
      </c>
      <c r="G30" s="101">
        <v>5.5232183066238984E-2</v>
      </c>
      <c r="H30" s="170">
        <v>0.17052304177250363</v>
      </c>
      <c r="I30" s="101">
        <v>5.523218306623897E-2</v>
      </c>
    </row>
    <row r="31" spans="1:15">
      <c r="A31" s="57" t="s">
        <v>453</v>
      </c>
      <c r="B31" s="163">
        <v>359</v>
      </c>
      <c r="C31" s="164">
        <v>11.020465492909254</v>
      </c>
      <c r="D31" s="165">
        <v>0.83090683823404632</v>
      </c>
      <c r="E31" s="129">
        <v>359</v>
      </c>
      <c r="F31" s="166">
        <v>0.92068474962767255</v>
      </c>
      <c r="G31" s="98">
        <v>2.8528228308059136E-2</v>
      </c>
      <c r="H31" s="166">
        <v>7.9315250372327464E-2</v>
      </c>
      <c r="I31" s="98">
        <v>2.8528228308059126E-2</v>
      </c>
    </row>
    <row r="32" spans="1:15">
      <c r="A32" s="49" t="s">
        <v>454</v>
      </c>
      <c r="B32" s="167">
        <v>718</v>
      </c>
      <c r="C32" s="168">
        <v>11.135672482431749</v>
      </c>
      <c r="D32" s="169">
        <v>0.49765678788471135</v>
      </c>
      <c r="E32" s="132">
        <v>718</v>
      </c>
      <c r="F32" s="170">
        <v>0.93927163627618193</v>
      </c>
      <c r="G32" s="101">
        <v>1.7743842075093306E-2</v>
      </c>
      <c r="H32" s="170">
        <v>6.0728363723818048E-2</v>
      </c>
      <c r="I32" s="101">
        <v>1.7743842075093309E-2</v>
      </c>
    </row>
    <row r="33" spans="1:9">
      <c r="A33" s="57" t="s">
        <v>455</v>
      </c>
      <c r="B33" s="163">
        <v>220</v>
      </c>
      <c r="C33" s="164">
        <v>11.551595341085804</v>
      </c>
      <c r="D33" s="165">
        <v>0.95926799664584728</v>
      </c>
      <c r="E33" s="129">
        <v>220</v>
      </c>
      <c r="F33" s="166">
        <v>0.91611022996847535</v>
      </c>
      <c r="G33" s="98">
        <v>3.7724297491983083E-2</v>
      </c>
      <c r="H33" s="166">
        <v>8.3889770031524605E-2</v>
      </c>
      <c r="I33" s="98">
        <v>3.7724297491983076E-2</v>
      </c>
    </row>
    <row r="34" spans="1:9">
      <c r="A34" s="49" t="s">
        <v>456</v>
      </c>
      <c r="B34" s="167">
        <v>675</v>
      </c>
      <c r="C34" s="168">
        <v>11.142963380698912</v>
      </c>
      <c r="D34" s="169">
        <v>0.60762995409676357</v>
      </c>
      <c r="E34" s="132">
        <v>675</v>
      </c>
      <c r="F34" s="170">
        <v>0.91371893729014952</v>
      </c>
      <c r="G34" s="101">
        <v>2.1387207705543004E-2</v>
      </c>
      <c r="H34" s="170">
        <v>8.6281062709850434E-2</v>
      </c>
      <c r="I34" s="101">
        <v>2.1387207705543004E-2</v>
      </c>
    </row>
    <row r="35" spans="1:9">
      <c r="A35" s="57" t="s">
        <v>457</v>
      </c>
      <c r="B35" s="163">
        <v>205</v>
      </c>
      <c r="C35" s="164">
        <v>10.700275999567163</v>
      </c>
      <c r="D35" s="165">
        <v>1.4831853786511786</v>
      </c>
      <c r="E35" s="129">
        <v>205</v>
      </c>
      <c r="F35" s="166">
        <v>0.9285049730056385</v>
      </c>
      <c r="G35" s="98">
        <v>3.6716987546262611E-2</v>
      </c>
      <c r="H35" s="166">
        <v>7.1495026994361513E-2</v>
      </c>
      <c r="I35" s="98">
        <v>3.6716987546262632E-2</v>
      </c>
    </row>
    <row r="36" spans="1:9">
      <c r="A36" s="49" t="s">
        <v>458</v>
      </c>
      <c r="B36" s="167">
        <v>303</v>
      </c>
      <c r="C36" s="168">
        <v>11.296542828982052</v>
      </c>
      <c r="D36" s="169">
        <v>0.96072706868858937</v>
      </c>
      <c r="E36" s="132">
        <v>303</v>
      </c>
      <c r="F36" s="170">
        <v>0.89440073468829606</v>
      </c>
      <c r="G36" s="101">
        <v>3.5103478361526233E-2</v>
      </c>
      <c r="H36" s="170">
        <v>0.10559926531170394</v>
      </c>
      <c r="I36" s="101">
        <v>3.5103478361526233E-2</v>
      </c>
    </row>
    <row r="37" spans="1:9">
      <c r="A37" s="57" t="s">
        <v>459</v>
      </c>
      <c r="B37" s="163">
        <v>461</v>
      </c>
      <c r="C37" s="164">
        <v>12.44538574263707</v>
      </c>
      <c r="D37" s="165">
        <v>0.85713727151001073</v>
      </c>
      <c r="E37" s="129">
        <v>461</v>
      </c>
      <c r="F37" s="166">
        <v>0.84449925917760649</v>
      </c>
      <c r="G37" s="98">
        <v>3.3191849050902757E-2</v>
      </c>
      <c r="H37" s="166">
        <v>0.15550074082239351</v>
      </c>
      <c r="I37" s="98">
        <v>3.3191849050902757E-2</v>
      </c>
    </row>
    <row r="38" spans="1:9">
      <c r="A38" s="49" t="s">
        <v>460</v>
      </c>
      <c r="B38" s="167">
        <v>166</v>
      </c>
      <c r="C38" s="168">
        <v>10.334979010280977</v>
      </c>
      <c r="D38" s="169">
        <v>0.77962541927968765</v>
      </c>
      <c r="E38" s="132">
        <v>166</v>
      </c>
      <c r="F38" s="170">
        <v>0.94945601255696299</v>
      </c>
      <c r="G38" s="101">
        <v>3.6010272759803535E-2</v>
      </c>
      <c r="H38" s="170">
        <v>5.054398744303696E-2</v>
      </c>
      <c r="I38" s="101">
        <v>3.6010272759803515E-2</v>
      </c>
    </row>
    <row r="41" spans="1:9" ht="18.75">
      <c r="A41" s="331" t="s">
        <v>44</v>
      </c>
      <c r="B41" s="331"/>
      <c r="C41" s="331"/>
      <c r="D41" s="331"/>
    </row>
    <row r="42" spans="1:9" ht="108.75" customHeight="1">
      <c r="A42" s="344" t="s">
        <v>381</v>
      </c>
      <c r="B42" s="344"/>
      <c r="C42" s="344"/>
      <c r="D42" s="344"/>
    </row>
    <row r="43" spans="1:9" ht="32.25" customHeight="1">
      <c r="A43" s="354" t="s">
        <v>198</v>
      </c>
      <c r="B43" s="355"/>
      <c r="C43" s="355"/>
      <c r="D43" s="355"/>
    </row>
    <row r="44" spans="1:9" ht="37.5" customHeight="1">
      <c r="A44" s="37" t="s">
        <v>114</v>
      </c>
      <c r="B44" s="38" t="s">
        <v>115</v>
      </c>
      <c r="C44" s="39" t="s">
        <v>116</v>
      </c>
      <c r="D44" s="40" t="s">
        <v>117</v>
      </c>
    </row>
    <row r="45" spans="1:9" ht="84">
      <c r="A45" s="41"/>
      <c r="B45" s="42" t="s">
        <v>118</v>
      </c>
      <c r="C45" s="43" t="s">
        <v>199</v>
      </c>
      <c r="D45" s="44" t="s">
        <v>120</v>
      </c>
    </row>
    <row r="46" spans="1:9">
      <c r="A46" s="45" t="s">
        <v>449</v>
      </c>
      <c r="B46" s="171">
        <v>12134</v>
      </c>
      <c r="C46" s="172">
        <v>5.2114227974437739</v>
      </c>
      <c r="D46" s="173">
        <v>4.4402148551739629E-2</v>
      </c>
    </row>
    <row r="47" spans="1:9">
      <c r="A47" s="49" t="s">
        <v>450</v>
      </c>
      <c r="B47" s="174">
        <v>3435</v>
      </c>
      <c r="C47" s="175">
        <v>5.1928143642493856</v>
      </c>
      <c r="D47" s="176">
        <v>7.7254511712149032E-2</v>
      </c>
    </row>
    <row r="48" spans="1:9">
      <c r="A48" s="53" t="s">
        <v>451</v>
      </c>
      <c r="B48" s="83">
        <v>285</v>
      </c>
      <c r="C48" s="84">
        <v>5.3581874613403988</v>
      </c>
      <c r="D48" s="85">
        <v>0.21808407115915607</v>
      </c>
    </row>
    <row r="49" spans="1:15">
      <c r="A49" s="49" t="s">
        <v>452</v>
      </c>
      <c r="B49" s="174">
        <v>178</v>
      </c>
      <c r="C49" s="175">
        <v>5.0244886977945367</v>
      </c>
      <c r="D49" s="176">
        <v>0.2895486387242876</v>
      </c>
    </row>
    <row r="50" spans="1:15">
      <c r="A50" s="57" t="s">
        <v>453</v>
      </c>
      <c r="B50" s="171">
        <v>357</v>
      </c>
      <c r="C50" s="172">
        <v>5.298234371640878</v>
      </c>
      <c r="D50" s="173">
        <v>0.22682127136661467</v>
      </c>
    </row>
    <row r="51" spans="1:15">
      <c r="A51" s="49" t="s">
        <v>454</v>
      </c>
      <c r="B51" s="174">
        <v>713</v>
      </c>
      <c r="C51" s="175">
        <v>5.2164227013485158</v>
      </c>
      <c r="D51" s="176">
        <v>0.15701229076892975</v>
      </c>
    </row>
    <row r="52" spans="1:15">
      <c r="A52" s="57" t="s">
        <v>455</v>
      </c>
      <c r="B52" s="171">
        <v>217</v>
      </c>
      <c r="C52" s="172">
        <v>4.8295680481318657</v>
      </c>
      <c r="D52" s="173">
        <v>0.45215438254250007</v>
      </c>
    </row>
    <row r="53" spans="1:15">
      <c r="A53" s="49" t="s">
        <v>456</v>
      </c>
      <c r="B53" s="174">
        <v>670</v>
      </c>
      <c r="C53" s="175">
        <v>5.2724840845611709</v>
      </c>
      <c r="D53" s="176">
        <v>0.17628466197108583</v>
      </c>
    </row>
    <row r="54" spans="1:15">
      <c r="A54" s="57" t="s">
        <v>457</v>
      </c>
      <c r="B54" s="171">
        <v>205</v>
      </c>
      <c r="C54" s="172">
        <v>5.4665477015557249</v>
      </c>
      <c r="D54" s="173">
        <v>0.31687419987662846</v>
      </c>
    </row>
    <row r="55" spans="1:15">
      <c r="A55" s="49" t="s">
        <v>458</v>
      </c>
      <c r="B55" s="174">
        <v>301</v>
      </c>
      <c r="C55" s="175">
        <v>5.1807052647751419</v>
      </c>
      <c r="D55" s="176">
        <v>0.29466785355990943</v>
      </c>
    </row>
    <row r="56" spans="1:15">
      <c r="A56" s="57" t="s">
        <v>459</v>
      </c>
      <c r="B56" s="171">
        <v>458</v>
      </c>
      <c r="C56" s="172">
        <v>4.9865374651253127</v>
      </c>
      <c r="D56" s="173">
        <v>0.21069326925895915</v>
      </c>
    </row>
    <row r="57" spans="1:15">
      <c r="A57" s="49" t="s">
        <v>460</v>
      </c>
      <c r="B57" s="174">
        <v>166</v>
      </c>
      <c r="C57" s="175">
        <v>5.2677308923744466</v>
      </c>
      <c r="D57" s="176">
        <v>0.28185494090919949</v>
      </c>
    </row>
    <row r="60" spans="1:15" ht="18.75">
      <c r="A60" s="331" t="s">
        <v>45</v>
      </c>
      <c r="B60" s="331"/>
      <c r="C60" s="331"/>
      <c r="D60" s="331"/>
      <c r="E60" s="331"/>
      <c r="F60" s="331"/>
      <c r="G60" s="331"/>
      <c r="H60" s="331"/>
      <c r="I60" s="331"/>
      <c r="J60" s="331"/>
      <c r="K60" s="331"/>
      <c r="L60" s="331"/>
      <c r="M60" s="331"/>
      <c r="N60" s="331"/>
      <c r="O60" s="331"/>
    </row>
    <row r="61" spans="1:15" ht="57.75" customHeight="1">
      <c r="A61" s="356" t="s">
        <v>384</v>
      </c>
      <c r="B61" s="356"/>
      <c r="C61" s="356"/>
      <c r="D61" s="356"/>
      <c r="E61" s="356"/>
      <c r="F61" s="356"/>
      <c r="G61" s="356"/>
      <c r="H61" s="356"/>
      <c r="I61" s="356"/>
      <c r="J61" s="356"/>
      <c r="K61" s="356"/>
      <c r="L61" s="356"/>
      <c r="M61" s="356"/>
      <c r="N61" s="356"/>
      <c r="O61" s="356"/>
    </row>
    <row r="62" spans="1:15" ht="38.25" customHeight="1">
      <c r="A62" s="64"/>
      <c r="B62" s="351" t="s">
        <v>385</v>
      </c>
      <c r="C62" s="351"/>
      <c r="D62" s="351"/>
      <c r="E62" s="351"/>
      <c r="F62" s="351"/>
      <c r="G62" s="351"/>
      <c r="H62" s="351"/>
      <c r="I62" s="351" t="s">
        <v>386</v>
      </c>
      <c r="J62" s="351"/>
      <c r="K62" s="351"/>
      <c r="L62" s="351"/>
      <c r="M62" s="351"/>
      <c r="N62" s="351"/>
      <c r="O62" s="351"/>
    </row>
    <row r="63" spans="1:15" ht="44.25" customHeight="1">
      <c r="A63" s="37" t="s">
        <v>114</v>
      </c>
      <c r="B63" s="38" t="s">
        <v>115</v>
      </c>
      <c r="C63" s="38" t="s">
        <v>300</v>
      </c>
      <c r="D63" s="93" t="s">
        <v>145</v>
      </c>
      <c r="E63" s="38" t="s">
        <v>301</v>
      </c>
      <c r="F63" s="93" t="s">
        <v>146</v>
      </c>
      <c r="G63" s="38" t="s">
        <v>302</v>
      </c>
      <c r="H63" s="93" t="s">
        <v>147</v>
      </c>
      <c r="I63" s="65" t="s">
        <v>115</v>
      </c>
      <c r="J63" s="65" t="s">
        <v>300</v>
      </c>
      <c r="K63" s="92" t="s">
        <v>145</v>
      </c>
      <c r="L63" s="65" t="s">
        <v>301</v>
      </c>
      <c r="M63" s="92" t="s">
        <v>146</v>
      </c>
      <c r="N63" s="65" t="s">
        <v>302</v>
      </c>
      <c r="O63" s="92" t="s">
        <v>147</v>
      </c>
    </row>
    <row r="64" spans="1:15" ht="72">
      <c r="A64" s="41"/>
      <c r="B64" s="42" t="s">
        <v>118</v>
      </c>
      <c r="C64" s="42" t="s">
        <v>303</v>
      </c>
      <c r="D64" s="95" t="s">
        <v>148</v>
      </c>
      <c r="E64" s="42" t="s">
        <v>304</v>
      </c>
      <c r="F64" s="95" t="s">
        <v>148</v>
      </c>
      <c r="G64" s="42" t="s">
        <v>305</v>
      </c>
      <c r="H64" s="95" t="s">
        <v>148</v>
      </c>
      <c r="I64" s="68" t="s">
        <v>118</v>
      </c>
      <c r="J64" s="68" t="s">
        <v>303</v>
      </c>
      <c r="K64" s="94" t="s">
        <v>148</v>
      </c>
      <c r="L64" s="68" t="s">
        <v>304</v>
      </c>
      <c r="M64" s="94" t="s">
        <v>148</v>
      </c>
      <c r="N64" s="68" t="s">
        <v>305</v>
      </c>
      <c r="O64" s="94" t="s">
        <v>148</v>
      </c>
    </row>
    <row r="65" spans="1:15">
      <c r="A65" s="45" t="s">
        <v>449</v>
      </c>
      <c r="B65" s="171">
        <v>12524</v>
      </c>
      <c r="C65" s="177">
        <v>0.1331366593156699</v>
      </c>
      <c r="D65" s="98">
        <v>5.9511509210555197E-3</v>
      </c>
      <c r="E65" s="177">
        <v>0.11393572487869418</v>
      </c>
      <c r="F65" s="98">
        <v>5.5665018974811169E-3</v>
      </c>
      <c r="G65" s="177">
        <v>0.75292761580563594</v>
      </c>
      <c r="H65" s="98">
        <v>7.553558324864376E-3</v>
      </c>
      <c r="I65" s="171">
        <v>9797</v>
      </c>
      <c r="J65" s="177">
        <v>0.18708286728827181</v>
      </c>
      <c r="K65" s="98">
        <v>7.7228053374202655E-3</v>
      </c>
      <c r="L65" s="177">
        <v>0.13055490923116647</v>
      </c>
      <c r="M65" s="98">
        <v>6.6734673361478272E-3</v>
      </c>
      <c r="N65" s="177">
        <v>0.68236222348056175</v>
      </c>
      <c r="O65" s="98">
        <v>9.2176799856715282E-3</v>
      </c>
    </row>
    <row r="66" spans="1:15">
      <c r="A66" s="49" t="s">
        <v>450</v>
      </c>
      <c r="B66" s="174">
        <v>3558</v>
      </c>
      <c r="C66" s="178">
        <v>0.12317200930059412</v>
      </c>
      <c r="D66" s="101">
        <v>1.0808420943258013E-2</v>
      </c>
      <c r="E66" s="178">
        <v>0.12866135248193286</v>
      </c>
      <c r="F66" s="101">
        <v>1.1010964527603953E-2</v>
      </c>
      <c r="G66" s="178">
        <v>0.74816663821747298</v>
      </c>
      <c r="H66" s="101">
        <v>1.4260152840096752E-2</v>
      </c>
      <c r="I66" s="174">
        <v>2763</v>
      </c>
      <c r="J66" s="178">
        <v>0.16523669653416095</v>
      </c>
      <c r="K66" s="101">
        <v>1.3854649247283621E-2</v>
      </c>
      <c r="L66" s="178">
        <v>0.16283889712989513</v>
      </c>
      <c r="M66" s="101">
        <v>1.3773921789574567E-2</v>
      </c>
      <c r="N66" s="178">
        <v>0.67192440633594397</v>
      </c>
      <c r="O66" s="101">
        <v>1.7497772505400949E-2</v>
      </c>
    </row>
    <row r="67" spans="1:15">
      <c r="A67" s="53" t="s">
        <v>451</v>
      </c>
      <c r="B67" s="83">
        <v>284</v>
      </c>
      <c r="C67" s="102">
        <v>7.3586466352140237E-2</v>
      </c>
      <c r="D67" s="98">
        <v>3.1244777646987531E-2</v>
      </c>
      <c r="E67" s="102">
        <v>0.12086850733859378</v>
      </c>
      <c r="F67" s="98">
        <v>3.8344109891055383E-2</v>
      </c>
      <c r="G67" s="102">
        <v>0.80554502630926594</v>
      </c>
      <c r="H67" s="98">
        <v>4.6084536798061689E-2</v>
      </c>
      <c r="I67" s="83">
        <v>217</v>
      </c>
      <c r="J67" s="102">
        <v>0.12044439287823222</v>
      </c>
      <c r="K67" s="98">
        <v>4.3946802229603676E-2</v>
      </c>
      <c r="L67" s="102">
        <v>0.19511221490270464</v>
      </c>
      <c r="M67" s="98">
        <v>5.2799794991327038E-2</v>
      </c>
      <c r="N67" s="102">
        <v>0.68444339221906314</v>
      </c>
      <c r="O67" s="98">
        <v>6.1445602284736028E-2</v>
      </c>
    </row>
    <row r="68" spans="1:15">
      <c r="A68" s="49" t="s">
        <v>452</v>
      </c>
      <c r="B68" s="174">
        <v>178</v>
      </c>
      <c r="C68" s="178">
        <v>0.12966583478722704</v>
      </c>
      <c r="D68" s="101">
        <v>5.0079003398393794E-2</v>
      </c>
      <c r="E68" s="178">
        <v>0.13384551088978394</v>
      </c>
      <c r="F68" s="101">
        <v>5.0695733292847059E-2</v>
      </c>
      <c r="G68" s="178">
        <v>0.73648865432298904</v>
      </c>
      <c r="H68" s="101">
        <v>6.440306645681286E-2</v>
      </c>
      <c r="I68" s="174">
        <v>128</v>
      </c>
      <c r="J68" s="178">
        <v>0.22284324074588621</v>
      </c>
      <c r="K68" s="101">
        <v>7.1927877108137847E-2</v>
      </c>
      <c r="L68" s="178">
        <v>0.289100451372031</v>
      </c>
      <c r="M68" s="101">
        <v>7.7836743059584254E-2</v>
      </c>
      <c r="N68" s="178">
        <v>0.48805630788208276</v>
      </c>
      <c r="O68" s="101">
        <v>8.5275165062309519E-2</v>
      </c>
    </row>
    <row r="69" spans="1:15">
      <c r="A69" s="57" t="s">
        <v>453</v>
      </c>
      <c r="B69" s="171">
        <v>357</v>
      </c>
      <c r="C69" s="177">
        <v>6.9894197660376758E-2</v>
      </c>
      <c r="D69" s="98">
        <v>2.7114206441906343E-2</v>
      </c>
      <c r="E69" s="177">
        <v>0.17869316427110973</v>
      </c>
      <c r="F69" s="98">
        <v>3.9824434527034498E-2</v>
      </c>
      <c r="G69" s="177">
        <v>0.75141263806851355</v>
      </c>
      <c r="H69" s="98">
        <v>4.4750159095388133E-2</v>
      </c>
      <c r="I69" s="171">
        <v>303</v>
      </c>
      <c r="J69" s="177">
        <v>0.14739018769729875</v>
      </c>
      <c r="K69" s="98">
        <v>4.0159506972875243E-2</v>
      </c>
      <c r="L69" s="177">
        <v>0.16135348539557387</v>
      </c>
      <c r="M69" s="98">
        <v>4.159856644002722E-2</v>
      </c>
      <c r="N69" s="177">
        <v>0.69125632690712735</v>
      </c>
      <c r="O69" s="98">
        <v>5.1792499157220659E-2</v>
      </c>
    </row>
    <row r="70" spans="1:15">
      <c r="A70" s="49" t="s">
        <v>454</v>
      </c>
      <c r="B70" s="174">
        <v>713</v>
      </c>
      <c r="C70" s="178">
        <v>0.12199608033143465</v>
      </c>
      <c r="D70" s="101">
        <v>2.4133315446545418E-2</v>
      </c>
      <c r="E70" s="178">
        <v>0.12607986771121757</v>
      </c>
      <c r="F70" s="101">
        <v>2.4468066702344842E-2</v>
      </c>
      <c r="G70" s="178">
        <v>0.75192405195734779</v>
      </c>
      <c r="H70" s="101">
        <v>3.167351769360046E-2</v>
      </c>
      <c r="I70" s="174">
        <v>560</v>
      </c>
      <c r="J70" s="178">
        <v>0.15365802766861206</v>
      </c>
      <c r="K70" s="101">
        <v>2.9955718246894476E-2</v>
      </c>
      <c r="L70" s="178">
        <v>0.18521994327897925</v>
      </c>
      <c r="M70" s="101">
        <v>3.2209683029708988E-2</v>
      </c>
      <c r="N70" s="178">
        <v>0.66112202905240869</v>
      </c>
      <c r="O70" s="101">
        <v>3.9096182110956508E-2</v>
      </c>
    </row>
    <row r="71" spans="1:15">
      <c r="A71" s="57" t="s">
        <v>455</v>
      </c>
      <c r="B71" s="171">
        <v>217</v>
      </c>
      <c r="C71" s="177">
        <v>0.22585143700784013</v>
      </c>
      <c r="D71" s="98">
        <v>5.5552844328522831E-2</v>
      </c>
      <c r="E71" s="177">
        <v>0.12748866471744444</v>
      </c>
      <c r="F71" s="98">
        <v>4.4945611800979057E-2</v>
      </c>
      <c r="G71" s="177">
        <v>0.64665989827471537</v>
      </c>
      <c r="H71" s="98">
        <v>6.3128633497845296E-2</v>
      </c>
      <c r="I71" s="171">
        <v>174</v>
      </c>
      <c r="J71" s="177">
        <v>0.32518845229087845</v>
      </c>
      <c r="K71" s="98">
        <v>6.9031062020369682E-2</v>
      </c>
      <c r="L71" s="177">
        <v>0.10997234146682018</v>
      </c>
      <c r="M71" s="98">
        <v>4.7521691101789124E-2</v>
      </c>
      <c r="N71" s="177">
        <v>0.56483920624230133</v>
      </c>
      <c r="O71" s="98">
        <v>7.2861541554378448E-2</v>
      </c>
    </row>
    <row r="72" spans="1:15">
      <c r="A72" s="49" t="s">
        <v>456</v>
      </c>
      <c r="B72" s="174">
        <v>669</v>
      </c>
      <c r="C72" s="178">
        <v>0.12665907024083228</v>
      </c>
      <c r="D72" s="101">
        <v>2.531497339450613E-2</v>
      </c>
      <c r="E72" s="178">
        <v>0.10597076190818851</v>
      </c>
      <c r="F72" s="101">
        <v>2.3479805850539659E-2</v>
      </c>
      <c r="G72" s="178">
        <v>0.76737016785097922</v>
      </c>
      <c r="H72" s="101">
        <v>3.1997191890294922E-2</v>
      </c>
      <c r="I72" s="174">
        <v>519</v>
      </c>
      <c r="J72" s="178">
        <v>0.13599797742103756</v>
      </c>
      <c r="K72" s="101">
        <v>2.9629768434312878E-2</v>
      </c>
      <c r="L72" s="178">
        <v>7.7402735134087283E-2</v>
      </c>
      <c r="M72" s="101">
        <v>2.3335150365962107E-2</v>
      </c>
      <c r="N72" s="178">
        <v>0.78659928744487517</v>
      </c>
      <c r="O72" s="101">
        <v>3.5244637563192398E-2</v>
      </c>
    </row>
    <row r="73" spans="1:15">
      <c r="A73" s="57" t="s">
        <v>457</v>
      </c>
      <c r="B73" s="171">
        <v>205</v>
      </c>
      <c r="C73" s="177">
        <v>9.0300421163316588E-2</v>
      </c>
      <c r="D73" s="98">
        <v>4.0334678219105767E-2</v>
      </c>
      <c r="E73" s="177">
        <v>0.10542876630282683</v>
      </c>
      <c r="F73" s="98">
        <v>4.2919142678403951E-2</v>
      </c>
      <c r="G73" s="177">
        <v>0.80427081253385657</v>
      </c>
      <c r="H73" s="98">
        <v>5.438764420808527E-2</v>
      </c>
      <c r="I73" s="171">
        <v>159</v>
      </c>
      <c r="J73" s="177">
        <v>3.5742055498127423E-2</v>
      </c>
      <c r="K73" s="98">
        <v>3.253488111140785E-2</v>
      </c>
      <c r="L73" s="177">
        <v>8.6803577961571718E-2</v>
      </c>
      <c r="M73" s="98">
        <v>4.5423313672094089E-2</v>
      </c>
      <c r="N73" s="177">
        <v>0.87745436654030085</v>
      </c>
      <c r="O73" s="98">
        <v>5.1932769978464383E-2</v>
      </c>
    </row>
    <row r="74" spans="1:15">
      <c r="A74" s="49" t="s">
        <v>458</v>
      </c>
      <c r="B74" s="174">
        <v>300</v>
      </c>
      <c r="C74" s="179">
        <v>0.12974547695505675</v>
      </c>
      <c r="D74" s="101">
        <v>3.8368405353444907E-2</v>
      </c>
      <c r="E74" s="178">
        <v>0.11402677813428212</v>
      </c>
      <c r="F74" s="101">
        <v>3.6412201473487275E-2</v>
      </c>
      <c r="G74" s="178">
        <v>0.75622774491066114</v>
      </c>
      <c r="H74" s="101">
        <v>4.8489765082196316E-2</v>
      </c>
      <c r="I74" s="174">
        <v>223</v>
      </c>
      <c r="J74" s="178">
        <v>0.19838782741690578</v>
      </c>
      <c r="K74" s="101">
        <v>5.2393699072141933E-2</v>
      </c>
      <c r="L74" s="178">
        <v>0.20919628767037607</v>
      </c>
      <c r="M74" s="101">
        <v>5.3382360155033025E-2</v>
      </c>
      <c r="N74" s="178">
        <v>0.59241588491271813</v>
      </c>
      <c r="O74" s="101">
        <v>6.3963652012087993E-2</v>
      </c>
    </row>
    <row r="75" spans="1:15">
      <c r="A75" s="57" t="s">
        <v>459</v>
      </c>
      <c r="B75" s="171">
        <v>458</v>
      </c>
      <c r="C75" s="177">
        <v>0.16056750918445467</v>
      </c>
      <c r="D75" s="98">
        <v>3.3723581111198046E-2</v>
      </c>
      <c r="E75" s="177">
        <v>0.14533245211543011</v>
      </c>
      <c r="F75" s="98">
        <v>3.2417064621346817E-2</v>
      </c>
      <c r="G75" s="177">
        <v>0.69410003870011516</v>
      </c>
      <c r="H75" s="98">
        <v>4.2082266318168061E-2</v>
      </c>
      <c r="I75" s="171">
        <v>328</v>
      </c>
      <c r="J75" s="177">
        <v>0.21775057502362385</v>
      </c>
      <c r="K75" s="98">
        <v>4.4643500101636022E-2</v>
      </c>
      <c r="L75" s="177">
        <v>0.20247198385185122</v>
      </c>
      <c r="M75" s="98">
        <v>4.3508600253773372E-2</v>
      </c>
      <c r="N75" s="177">
        <v>0.57977744112452489</v>
      </c>
      <c r="O75" s="98">
        <v>5.311206513169249E-2</v>
      </c>
    </row>
    <row r="76" spans="1:15">
      <c r="A76" s="49" t="s">
        <v>460</v>
      </c>
      <c r="B76" s="174">
        <v>166</v>
      </c>
      <c r="C76" s="179">
        <v>0.1026602283257111</v>
      </c>
      <c r="D76" s="101">
        <v>4.7409243930490348E-2</v>
      </c>
      <c r="E76" s="178">
        <v>0.14531004150622118</v>
      </c>
      <c r="F76" s="101">
        <v>5.4210007935729332E-2</v>
      </c>
      <c r="G76" s="178">
        <v>0.75202973016806773</v>
      </c>
      <c r="H76" s="101">
        <v>6.5427706395846774E-2</v>
      </c>
      <c r="I76" s="174">
        <v>142</v>
      </c>
      <c r="J76" s="178">
        <v>0.16113886228027591</v>
      </c>
      <c r="K76" s="101">
        <v>6.0991852389636239E-2</v>
      </c>
      <c r="L76" s="178">
        <v>0.17778813267403543</v>
      </c>
      <c r="M76" s="101">
        <v>6.319777149426864E-2</v>
      </c>
      <c r="N76" s="178">
        <v>0.66107300504568856</v>
      </c>
      <c r="O76" s="101">
        <v>7.7021524804785232E-2</v>
      </c>
    </row>
    <row r="79" spans="1:15" ht="19.5" customHeight="1">
      <c r="A79" s="331" t="s">
        <v>7</v>
      </c>
      <c r="B79" s="331"/>
      <c r="C79" s="331"/>
      <c r="D79" s="331"/>
    </row>
    <row r="80" spans="1:15" ht="158.25" customHeight="1">
      <c r="A80" s="352" t="s">
        <v>200</v>
      </c>
      <c r="B80" s="353"/>
      <c r="C80" s="353"/>
      <c r="D80" s="353"/>
    </row>
    <row r="81" spans="1:4" ht="35.25" customHeight="1">
      <c r="A81" s="333" t="s">
        <v>201</v>
      </c>
      <c r="B81" s="333"/>
      <c r="C81" s="333"/>
      <c r="D81" s="333"/>
    </row>
    <row r="82" spans="1:4" ht="39.75" customHeight="1">
      <c r="A82" s="37" t="s">
        <v>114</v>
      </c>
      <c r="B82" s="38" t="s">
        <v>115</v>
      </c>
      <c r="C82" s="39" t="s">
        <v>116</v>
      </c>
      <c r="D82" s="40" t="s">
        <v>117</v>
      </c>
    </row>
    <row r="83" spans="1:4" ht="108">
      <c r="A83" s="41"/>
      <c r="B83" s="42" t="s">
        <v>118</v>
      </c>
      <c r="C83" s="136" t="s">
        <v>202</v>
      </c>
      <c r="D83" s="44" t="s">
        <v>120</v>
      </c>
    </row>
    <row r="84" spans="1:4">
      <c r="A84" s="45" t="s">
        <v>449</v>
      </c>
      <c r="B84" s="180">
        <v>11862</v>
      </c>
      <c r="C84" s="181">
        <v>4.4982488715695279</v>
      </c>
      <c r="D84" s="182">
        <v>4.0088292853981855E-2</v>
      </c>
    </row>
    <row r="85" spans="1:4">
      <c r="A85" s="49" t="s">
        <v>450</v>
      </c>
      <c r="B85" s="183">
        <v>3282</v>
      </c>
      <c r="C85" s="184">
        <v>4.4280895482848583</v>
      </c>
      <c r="D85" s="185">
        <v>7.5515604688428439E-2</v>
      </c>
    </row>
    <row r="86" spans="1:4">
      <c r="A86" s="53" t="s">
        <v>451</v>
      </c>
      <c r="B86" s="83">
        <v>269</v>
      </c>
      <c r="C86" s="84">
        <v>4.387202981172301</v>
      </c>
      <c r="D86" s="85">
        <v>0.22464965744165166</v>
      </c>
    </row>
    <row r="87" spans="1:4">
      <c r="A87" s="49" t="s">
        <v>452</v>
      </c>
      <c r="B87" s="183">
        <v>169</v>
      </c>
      <c r="C87" s="184">
        <v>4.4974123783810498</v>
      </c>
      <c r="D87" s="185">
        <v>0.2143067344984928</v>
      </c>
    </row>
    <row r="88" spans="1:4">
      <c r="A88" s="57" t="s">
        <v>453</v>
      </c>
      <c r="B88" s="180">
        <v>346</v>
      </c>
      <c r="C88" s="181">
        <v>4.438786105133194</v>
      </c>
      <c r="D88" s="182">
        <v>0.21601545958549107</v>
      </c>
    </row>
    <row r="89" spans="1:4">
      <c r="A89" s="49" t="s">
        <v>454</v>
      </c>
      <c r="B89" s="183">
        <v>678</v>
      </c>
      <c r="C89" s="184">
        <v>4.3865297158532321</v>
      </c>
      <c r="D89" s="185">
        <v>0.15970450500647981</v>
      </c>
    </row>
    <row r="90" spans="1:4">
      <c r="A90" s="57" t="s">
        <v>455</v>
      </c>
      <c r="B90" s="180">
        <v>214</v>
      </c>
      <c r="C90" s="181">
        <v>4.1321498295099257</v>
      </c>
      <c r="D90" s="182">
        <v>0.35708506242320848</v>
      </c>
    </row>
    <row r="91" spans="1:4">
      <c r="A91" s="49" t="s">
        <v>456</v>
      </c>
      <c r="B91" s="183">
        <v>640</v>
      </c>
      <c r="C91" s="184">
        <v>4.6466000652288004</v>
      </c>
      <c r="D91" s="185">
        <v>0.15656488024921078</v>
      </c>
    </row>
    <row r="92" spans="1:4">
      <c r="A92" s="57" t="s">
        <v>457</v>
      </c>
      <c r="B92" s="180">
        <v>201</v>
      </c>
      <c r="C92" s="181">
        <v>5.0954845783179472</v>
      </c>
      <c r="D92" s="182">
        <v>0.24181849278464451</v>
      </c>
    </row>
    <row r="93" spans="1:4">
      <c r="A93" s="49" t="s">
        <v>458</v>
      </c>
      <c r="B93" s="183">
        <v>276</v>
      </c>
      <c r="C93" s="184">
        <v>4.5437175726628629</v>
      </c>
      <c r="D93" s="185">
        <v>0.29050805555119652</v>
      </c>
    </row>
    <row r="94" spans="1:4">
      <c r="A94" s="57" t="s">
        <v>459</v>
      </c>
      <c r="B94" s="180">
        <v>437</v>
      </c>
      <c r="C94" s="181">
        <v>4.0301938943038715</v>
      </c>
      <c r="D94" s="182">
        <v>0.215263063272781</v>
      </c>
    </row>
    <row r="95" spans="1:4">
      <c r="A95" s="49" t="s">
        <v>460</v>
      </c>
      <c r="B95" s="183">
        <v>160</v>
      </c>
      <c r="C95" s="184">
        <v>4.6829656225209577</v>
      </c>
      <c r="D95" s="185">
        <v>0.39105213587396914</v>
      </c>
    </row>
    <row r="98" spans="1:22" ht="18.75">
      <c r="A98" s="331" t="s">
        <v>46</v>
      </c>
      <c r="B98" s="331"/>
      <c r="C98" s="331"/>
      <c r="D98" s="331"/>
      <c r="E98" s="331"/>
      <c r="F98" s="331"/>
      <c r="G98" s="331"/>
      <c r="H98" s="331"/>
      <c r="I98" s="331"/>
      <c r="J98" s="331"/>
      <c r="K98" s="331"/>
      <c r="L98" s="331"/>
      <c r="M98" s="331"/>
      <c r="N98" s="331"/>
      <c r="O98" s="331"/>
      <c r="P98" s="331"/>
      <c r="Q98" s="331"/>
      <c r="R98" s="331"/>
      <c r="S98" s="331"/>
      <c r="T98" s="331"/>
      <c r="U98" s="331"/>
      <c r="V98" s="331"/>
    </row>
    <row r="99" spans="1:22" ht="55.5" customHeight="1">
      <c r="A99" s="352" t="s">
        <v>203</v>
      </c>
      <c r="B99" s="352"/>
      <c r="C99" s="352"/>
      <c r="D99" s="352"/>
      <c r="E99" s="352"/>
      <c r="F99" s="352"/>
      <c r="G99" s="352"/>
      <c r="H99" s="352"/>
      <c r="I99" s="352"/>
      <c r="J99" s="352"/>
      <c r="K99" s="352"/>
      <c r="L99" s="352"/>
      <c r="M99" s="352"/>
      <c r="N99" s="352"/>
      <c r="O99" s="352"/>
      <c r="P99" s="352"/>
      <c r="Q99" s="352"/>
      <c r="R99" s="352"/>
      <c r="S99" s="352"/>
      <c r="T99" s="352"/>
      <c r="U99" s="352"/>
      <c r="V99" s="352"/>
    </row>
    <row r="100" spans="1:22" ht="33.75" customHeight="1">
      <c r="A100" s="64"/>
      <c r="B100" s="351" t="s">
        <v>204</v>
      </c>
      <c r="C100" s="351"/>
      <c r="D100" s="351"/>
      <c r="E100" s="351"/>
      <c r="F100" s="351"/>
      <c r="G100" s="351"/>
      <c r="H100" s="351"/>
      <c r="I100" s="351" t="s">
        <v>205</v>
      </c>
      <c r="J100" s="351"/>
      <c r="K100" s="351"/>
      <c r="L100" s="351"/>
      <c r="M100" s="351"/>
      <c r="N100" s="351"/>
      <c r="O100" s="351"/>
      <c r="P100" s="351" t="s">
        <v>206</v>
      </c>
      <c r="Q100" s="351"/>
      <c r="R100" s="351"/>
      <c r="S100" s="351"/>
      <c r="T100" s="351"/>
      <c r="U100" s="351"/>
      <c r="V100" s="351"/>
    </row>
    <row r="101" spans="1:22" ht="40.5" customHeight="1">
      <c r="A101" s="37" t="s">
        <v>114</v>
      </c>
      <c r="B101" s="38" t="s">
        <v>115</v>
      </c>
      <c r="C101" s="38" t="s">
        <v>300</v>
      </c>
      <c r="D101" s="93" t="s">
        <v>145</v>
      </c>
      <c r="E101" s="38" t="s">
        <v>301</v>
      </c>
      <c r="F101" s="93" t="s">
        <v>146</v>
      </c>
      <c r="G101" s="38" t="s">
        <v>302</v>
      </c>
      <c r="H101" s="93" t="s">
        <v>147</v>
      </c>
      <c r="I101" s="65" t="s">
        <v>115</v>
      </c>
      <c r="J101" s="65" t="s">
        <v>300</v>
      </c>
      <c r="K101" s="92" t="s">
        <v>145</v>
      </c>
      <c r="L101" s="65" t="s">
        <v>301</v>
      </c>
      <c r="M101" s="92" t="s">
        <v>146</v>
      </c>
      <c r="N101" s="65" t="s">
        <v>302</v>
      </c>
      <c r="O101" s="92" t="s">
        <v>147</v>
      </c>
      <c r="P101" s="38" t="s">
        <v>115</v>
      </c>
      <c r="Q101" s="38" t="s">
        <v>300</v>
      </c>
      <c r="R101" s="93" t="s">
        <v>145</v>
      </c>
      <c r="S101" s="38" t="s">
        <v>301</v>
      </c>
      <c r="T101" s="93" t="s">
        <v>146</v>
      </c>
      <c r="U101" s="38" t="s">
        <v>302</v>
      </c>
      <c r="V101" s="93" t="s">
        <v>147</v>
      </c>
    </row>
    <row r="102" spans="1:22" ht="72">
      <c r="A102" s="41"/>
      <c r="B102" s="42" t="s">
        <v>118</v>
      </c>
      <c r="C102" s="42" t="s">
        <v>303</v>
      </c>
      <c r="D102" s="95" t="s">
        <v>148</v>
      </c>
      <c r="E102" s="42" t="s">
        <v>304</v>
      </c>
      <c r="F102" s="95" t="s">
        <v>148</v>
      </c>
      <c r="G102" s="42" t="s">
        <v>305</v>
      </c>
      <c r="H102" s="95" t="s">
        <v>148</v>
      </c>
      <c r="I102" s="68" t="s">
        <v>118</v>
      </c>
      <c r="J102" s="68" t="s">
        <v>303</v>
      </c>
      <c r="K102" s="94" t="s">
        <v>148</v>
      </c>
      <c r="L102" s="68" t="s">
        <v>304</v>
      </c>
      <c r="M102" s="94" t="s">
        <v>148</v>
      </c>
      <c r="N102" s="68" t="s">
        <v>305</v>
      </c>
      <c r="O102" s="94" t="s">
        <v>148</v>
      </c>
      <c r="P102" s="42" t="s">
        <v>118</v>
      </c>
      <c r="Q102" s="42" t="s">
        <v>303</v>
      </c>
      <c r="R102" s="95" t="s">
        <v>148</v>
      </c>
      <c r="S102" s="42" t="s">
        <v>304</v>
      </c>
      <c r="T102" s="95" t="s">
        <v>148</v>
      </c>
      <c r="U102" s="42" t="s">
        <v>305</v>
      </c>
      <c r="V102" s="95" t="s">
        <v>148</v>
      </c>
    </row>
    <row r="103" spans="1:22">
      <c r="A103" s="45" t="s">
        <v>449</v>
      </c>
      <c r="B103" s="186">
        <v>11221</v>
      </c>
      <c r="C103" s="187">
        <v>0.31779840475798382</v>
      </c>
      <c r="D103" s="98">
        <v>8.614276547735545E-3</v>
      </c>
      <c r="E103" s="187">
        <v>0.26153205164951393</v>
      </c>
      <c r="F103" s="98">
        <v>8.1308647564831329E-3</v>
      </c>
      <c r="G103" s="187">
        <v>0.42066954359250219</v>
      </c>
      <c r="H103" s="98">
        <v>9.1327297757396782E-3</v>
      </c>
      <c r="I103" s="186">
        <v>11965</v>
      </c>
      <c r="J103" s="187">
        <v>0.28655791958273158</v>
      </c>
      <c r="K103" s="98">
        <v>8.1011195493686499E-3</v>
      </c>
      <c r="L103" s="187">
        <v>0.24348430271349097</v>
      </c>
      <c r="M103" s="98">
        <v>7.6899484061456313E-3</v>
      </c>
      <c r="N103" s="187">
        <v>0.46995777770377745</v>
      </c>
      <c r="O103" s="98">
        <v>8.9415398717017612E-3</v>
      </c>
      <c r="P103" s="186">
        <v>12361</v>
      </c>
      <c r="Q103" s="187">
        <v>0.23828433438762517</v>
      </c>
      <c r="R103" s="98">
        <v>7.5102812853526336E-3</v>
      </c>
      <c r="S103" s="187">
        <v>0.15442294460253603</v>
      </c>
      <c r="T103" s="98">
        <v>6.3711811529335175E-3</v>
      </c>
      <c r="U103" s="187">
        <v>0.60729272100983878</v>
      </c>
      <c r="V103" s="98">
        <v>8.60794145778007E-3</v>
      </c>
    </row>
    <row r="104" spans="1:22">
      <c r="A104" s="49" t="s">
        <v>450</v>
      </c>
      <c r="B104" s="188">
        <v>3126</v>
      </c>
      <c r="C104" s="189">
        <v>0.32897934844423637</v>
      </c>
      <c r="D104" s="101">
        <v>1.6463025055550338E-2</v>
      </c>
      <c r="E104" s="189">
        <v>0.26330271373540332</v>
      </c>
      <c r="F104" s="101">
        <v>1.5435341656293605E-2</v>
      </c>
      <c r="G104" s="189">
        <v>0.40771793782036031</v>
      </c>
      <c r="H104" s="101">
        <v>1.7216610767857646E-2</v>
      </c>
      <c r="I104" s="188">
        <v>3322</v>
      </c>
      <c r="J104" s="189">
        <v>0.29710939154717353</v>
      </c>
      <c r="K104" s="101">
        <v>1.5534592899245836E-2</v>
      </c>
      <c r="L104" s="189">
        <v>0.26400945182089297</v>
      </c>
      <c r="M104" s="101">
        <v>1.4986159922817086E-2</v>
      </c>
      <c r="N104" s="189">
        <v>0.4388811566319335</v>
      </c>
      <c r="O104" s="101">
        <v>1.6865676299704743E-2</v>
      </c>
      <c r="P104" s="188">
        <v>3430</v>
      </c>
      <c r="Q104" s="189">
        <v>0.25648904350009538</v>
      </c>
      <c r="R104" s="101">
        <v>1.4611377838607312E-2</v>
      </c>
      <c r="S104" s="189">
        <v>0.16192777582241488</v>
      </c>
      <c r="T104" s="101">
        <v>1.233339694947596E-2</v>
      </c>
      <c r="U104" s="189">
        <v>0.58158318067748971</v>
      </c>
      <c r="V104" s="101">
        <v>1.6499859264367429E-2</v>
      </c>
    </row>
    <row r="105" spans="1:22">
      <c r="A105" s="53" t="s">
        <v>451</v>
      </c>
      <c r="B105" s="54">
        <v>253</v>
      </c>
      <c r="C105" s="190">
        <v>0.321916178478938</v>
      </c>
      <c r="D105" s="98">
        <v>5.7249913040619063E-2</v>
      </c>
      <c r="E105" s="190">
        <v>0.22968333920086365</v>
      </c>
      <c r="F105" s="98">
        <v>5.1753686503559611E-2</v>
      </c>
      <c r="G105" s="190">
        <v>0.44840048232019836</v>
      </c>
      <c r="H105" s="98">
        <v>6.0814434007904067E-2</v>
      </c>
      <c r="I105" s="54">
        <v>260</v>
      </c>
      <c r="J105" s="190">
        <v>0.35626268997179245</v>
      </c>
      <c r="K105" s="98">
        <v>5.7847037536917632E-2</v>
      </c>
      <c r="L105" s="190">
        <v>0.2492284694884391</v>
      </c>
      <c r="M105" s="98">
        <v>5.2443368877599678E-2</v>
      </c>
      <c r="N105" s="190">
        <v>0.39450884053976842</v>
      </c>
      <c r="O105" s="98">
        <v>5.8998422612478722E-2</v>
      </c>
      <c r="P105" s="54">
        <v>277</v>
      </c>
      <c r="Q105" s="190">
        <v>0.14572922816875536</v>
      </c>
      <c r="R105" s="98">
        <v>4.1838459216529199E-2</v>
      </c>
      <c r="S105" s="190">
        <v>0.20590500035102124</v>
      </c>
      <c r="T105" s="98">
        <v>4.7631633387347723E-2</v>
      </c>
      <c r="U105" s="190">
        <v>0.64836577148022334</v>
      </c>
      <c r="V105" s="98">
        <v>5.5904962056933925E-2</v>
      </c>
    </row>
    <row r="106" spans="1:22">
      <c r="A106" s="49" t="s">
        <v>452</v>
      </c>
      <c r="B106" s="188">
        <v>157</v>
      </c>
      <c r="C106" s="189">
        <v>0.3205237514198287</v>
      </c>
      <c r="D106" s="101">
        <v>7.2348700863200083E-2</v>
      </c>
      <c r="E106" s="189">
        <v>0.31758823040318002</v>
      </c>
      <c r="F106" s="101">
        <v>7.2181924947254936E-2</v>
      </c>
      <c r="G106" s="189">
        <v>0.36188801817699129</v>
      </c>
      <c r="H106" s="101">
        <v>7.4380159595566236E-2</v>
      </c>
      <c r="I106" s="188">
        <v>160</v>
      </c>
      <c r="J106" s="189">
        <v>0.27779769017012945</v>
      </c>
      <c r="K106" s="101">
        <v>6.895849501954357E-2</v>
      </c>
      <c r="L106" s="189">
        <v>0.23209818541505223</v>
      </c>
      <c r="M106" s="101">
        <v>6.5237308141036995E-2</v>
      </c>
      <c r="N106" s="189">
        <v>0.49010412441481827</v>
      </c>
      <c r="O106" s="101">
        <v>7.6510876236901018E-2</v>
      </c>
      <c r="P106" s="188">
        <v>176</v>
      </c>
      <c r="Q106" s="189">
        <v>9.7438115077845597E-2</v>
      </c>
      <c r="R106" s="101">
        <v>4.5043624287236454E-2</v>
      </c>
      <c r="S106" s="189">
        <v>0.19279919325369343</v>
      </c>
      <c r="T106" s="101">
        <v>5.8394878281211454E-2</v>
      </c>
      <c r="U106" s="189">
        <v>0.70976269166846095</v>
      </c>
      <c r="V106" s="101">
        <v>6.661652988634513E-2</v>
      </c>
    </row>
    <row r="107" spans="1:22">
      <c r="A107" s="57" t="s">
        <v>453</v>
      </c>
      <c r="B107" s="186">
        <v>313</v>
      </c>
      <c r="C107" s="187">
        <v>0.27261538187295453</v>
      </c>
      <c r="D107" s="98">
        <v>4.918117588809711E-2</v>
      </c>
      <c r="E107" s="187">
        <v>0.30085526258406931</v>
      </c>
      <c r="F107" s="98">
        <v>5.0607290622029635E-2</v>
      </c>
      <c r="G107" s="187">
        <v>0.42652935554297616</v>
      </c>
      <c r="H107" s="98">
        <v>5.4459874754662178E-2</v>
      </c>
      <c r="I107" s="186">
        <v>340</v>
      </c>
      <c r="J107" s="187">
        <v>0.33266071328747793</v>
      </c>
      <c r="K107" s="98">
        <v>4.9863564384240382E-2</v>
      </c>
      <c r="L107" s="187">
        <v>0.2544575750075086</v>
      </c>
      <c r="M107" s="98">
        <v>4.6196648634403481E-2</v>
      </c>
      <c r="N107" s="187">
        <v>0.41288171170501348</v>
      </c>
      <c r="O107" s="98">
        <v>5.2048666745730512E-2</v>
      </c>
      <c r="P107" s="186">
        <v>355</v>
      </c>
      <c r="Q107" s="187">
        <v>0.11331368122850433</v>
      </c>
      <c r="R107" s="98">
        <v>3.3325810838874259E-2</v>
      </c>
      <c r="S107" s="187">
        <v>0.21497051813967974</v>
      </c>
      <c r="T107" s="98">
        <v>4.2721406763649356E-2</v>
      </c>
      <c r="U107" s="187">
        <v>0.67171580063181591</v>
      </c>
      <c r="V107" s="98">
        <v>4.8648461314456215E-2</v>
      </c>
    </row>
    <row r="108" spans="1:22">
      <c r="A108" s="49" t="s">
        <v>454</v>
      </c>
      <c r="B108" s="188">
        <v>625</v>
      </c>
      <c r="C108" s="189">
        <v>0.33925776228080823</v>
      </c>
      <c r="D108" s="101">
        <v>3.7027873957675837E-2</v>
      </c>
      <c r="E108" s="189">
        <v>0.31295499473043226</v>
      </c>
      <c r="F108" s="101">
        <v>3.6275364129758583E-2</v>
      </c>
      <c r="G108" s="189">
        <v>0.34778724298875952</v>
      </c>
      <c r="H108" s="101">
        <v>3.7244592899206674E-2</v>
      </c>
      <c r="I108" s="188">
        <v>661</v>
      </c>
      <c r="J108" s="189">
        <v>0.3161500446732971</v>
      </c>
      <c r="K108" s="101">
        <v>3.5373585589601492E-2</v>
      </c>
      <c r="L108" s="189">
        <v>0.2349907270358188</v>
      </c>
      <c r="M108" s="101">
        <v>3.2301229174775486E-2</v>
      </c>
      <c r="N108" s="189">
        <v>0.44885922829088404</v>
      </c>
      <c r="O108" s="101">
        <v>3.7805860773125408E-2</v>
      </c>
      <c r="P108" s="188">
        <v>700</v>
      </c>
      <c r="Q108" s="189">
        <v>0.16448241309655193</v>
      </c>
      <c r="R108" s="101">
        <v>2.7511452395965391E-2</v>
      </c>
      <c r="S108" s="189">
        <v>0.18155236756701504</v>
      </c>
      <c r="T108" s="101">
        <v>2.8585049858894047E-2</v>
      </c>
      <c r="U108" s="189">
        <v>0.65396521933643303</v>
      </c>
      <c r="V108" s="101">
        <v>3.5161269417202233E-2</v>
      </c>
    </row>
    <row r="109" spans="1:22">
      <c r="A109" s="57" t="s">
        <v>455</v>
      </c>
      <c r="B109" s="186">
        <v>205</v>
      </c>
      <c r="C109" s="187">
        <v>0.43082851991814752</v>
      </c>
      <c r="D109" s="98">
        <v>6.7161020621454737E-2</v>
      </c>
      <c r="E109" s="187">
        <v>0.18057568701909141</v>
      </c>
      <c r="F109" s="98">
        <v>5.2828791954621562E-2</v>
      </c>
      <c r="G109" s="187">
        <v>0.3885957930627611</v>
      </c>
      <c r="H109" s="98">
        <v>6.6149382082751826E-2</v>
      </c>
      <c r="I109" s="186">
        <v>210</v>
      </c>
      <c r="J109" s="187">
        <v>0.34384754121601674</v>
      </c>
      <c r="K109" s="98">
        <v>6.3767870118359368E-2</v>
      </c>
      <c r="L109" s="187">
        <v>0.31589000535159911</v>
      </c>
      <c r="M109" s="98">
        <v>6.2465155337473814E-2</v>
      </c>
      <c r="N109" s="187">
        <v>0.3402624534323842</v>
      </c>
      <c r="O109" s="98">
        <v>6.3614183219884435E-2</v>
      </c>
      <c r="P109" s="186">
        <v>216</v>
      </c>
      <c r="Q109" s="187">
        <v>0.24509231124134115</v>
      </c>
      <c r="R109" s="98">
        <v>5.7198828998777464E-2</v>
      </c>
      <c r="S109" s="187">
        <v>0.16904739807291205</v>
      </c>
      <c r="T109" s="98">
        <v>5.0217372384011659E-2</v>
      </c>
      <c r="U109" s="187">
        <v>0.58586029068574674</v>
      </c>
      <c r="V109" s="98">
        <v>6.5125760499358684E-2</v>
      </c>
    </row>
    <row r="110" spans="1:22">
      <c r="A110" s="49" t="s">
        <v>456</v>
      </c>
      <c r="B110" s="188">
        <v>585</v>
      </c>
      <c r="C110" s="189">
        <v>0.28838674127131592</v>
      </c>
      <c r="D110" s="101">
        <v>3.6639414347672219E-2</v>
      </c>
      <c r="E110" s="189">
        <v>0.24273348858156324</v>
      </c>
      <c r="F110" s="101">
        <v>3.4709108048100006E-2</v>
      </c>
      <c r="G110" s="189">
        <v>0.46887977014712084</v>
      </c>
      <c r="H110" s="101">
        <v>4.0302967483579311E-2</v>
      </c>
      <c r="I110" s="188">
        <v>625</v>
      </c>
      <c r="J110" s="189">
        <v>0.20918612788747923</v>
      </c>
      <c r="K110" s="101">
        <v>3.1888731154863362E-2</v>
      </c>
      <c r="L110" s="189">
        <v>0.29752237262754355</v>
      </c>
      <c r="M110" s="101">
        <v>3.5772242368549055E-2</v>
      </c>
      <c r="N110" s="189">
        <v>0.49329149948497719</v>
      </c>
      <c r="O110" s="101">
        <v>3.907168627907668E-2</v>
      </c>
      <c r="P110" s="188">
        <v>665</v>
      </c>
      <c r="Q110" s="189">
        <v>0.12247879334776882</v>
      </c>
      <c r="R110" s="101">
        <v>2.5038510069424456E-2</v>
      </c>
      <c r="S110" s="189">
        <v>0.17750154436662038</v>
      </c>
      <c r="T110" s="101">
        <v>2.9076903591355577E-2</v>
      </c>
      <c r="U110" s="189">
        <v>0.70001966228561086</v>
      </c>
      <c r="V110" s="101">
        <v>3.476459782294674E-2</v>
      </c>
    </row>
    <row r="111" spans="1:22">
      <c r="A111" s="57" t="s">
        <v>457</v>
      </c>
      <c r="B111" s="186">
        <v>189</v>
      </c>
      <c r="C111" s="187">
        <v>0.12892619253588078</v>
      </c>
      <c r="D111" s="98">
        <v>4.8454188376740634E-2</v>
      </c>
      <c r="E111" s="187">
        <v>0.2239432325795557</v>
      </c>
      <c r="F111" s="98">
        <v>5.9342301428818446E-2</v>
      </c>
      <c r="G111" s="187">
        <v>0.64713057488456349</v>
      </c>
      <c r="H111" s="98">
        <v>6.7549662348450418E-2</v>
      </c>
      <c r="I111" s="186">
        <v>199</v>
      </c>
      <c r="J111" s="187">
        <v>6.9698473893438417E-2</v>
      </c>
      <c r="K111" s="98">
        <v>3.6929390540511302E-2</v>
      </c>
      <c r="L111" s="187">
        <v>0.30156973016580846</v>
      </c>
      <c r="M111" s="98">
        <v>6.336387035460285E-2</v>
      </c>
      <c r="N111" s="187">
        <v>0.62873179594075312</v>
      </c>
      <c r="O111" s="98">
        <v>6.6555715155168824E-2</v>
      </c>
      <c r="P111" s="186">
        <v>207</v>
      </c>
      <c r="Q111" s="187">
        <v>0.10985511635826353</v>
      </c>
      <c r="R111" s="98">
        <v>4.341023176529684E-2</v>
      </c>
      <c r="S111" s="187">
        <v>0.1153437412140399</v>
      </c>
      <c r="T111" s="98">
        <v>4.4260206643359348E-2</v>
      </c>
      <c r="U111" s="187">
        <v>0.7748011424276966</v>
      </c>
      <c r="V111" s="98">
        <v>5.6819071090699821E-2</v>
      </c>
    </row>
    <row r="112" spans="1:22">
      <c r="A112" s="49" t="s">
        <v>458</v>
      </c>
      <c r="B112" s="188">
        <v>242</v>
      </c>
      <c r="C112" s="189">
        <v>0.32866269193773173</v>
      </c>
      <c r="D112" s="101">
        <v>5.8825284310537886E-2</v>
      </c>
      <c r="E112" s="189">
        <v>0.3115259881436962</v>
      </c>
      <c r="F112" s="101">
        <v>5.8027841898065619E-2</v>
      </c>
      <c r="G112" s="189">
        <v>0.35981131991857213</v>
      </c>
      <c r="H112" s="101">
        <v>6.0058806641617501E-2</v>
      </c>
      <c r="I112" s="188">
        <v>275</v>
      </c>
      <c r="J112" s="189">
        <v>0.20577337590197253</v>
      </c>
      <c r="K112" s="101">
        <v>4.7793721147661929E-2</v>
      </c>
      <c r="L112" s="189">
        <v>0.26672730146333601</v>
      </c>
      <c r="M112" s="101">
        <v>5.2099507311008757E-2</v>
      </c>
      <c r="N112" s="189">
        <v>0.52749932263469146</v>
      </c>
      <c r="O112" s="101">
        <v>5.8584792434997646E-2</v>
      </c>
      <c r="P112" s="188">
        <v>288</v>
      </c>
      <c r="Q112" s="189">
        <v>0.19579162425237864</v>
      </c>
      <c r="R112" s="101">
        <v>4.5876590439051304E-2</v>
      </c>
      <c r="S112" s="189">
        <v>8.4845538297251305E-2</v>
      </c>
      <c r="T112" s="101">
        <v>3.2912485400023332E-2</v>
      </c>
      <c r="U112" s="189">
        <v>0.71936283745037011</v>
      </c>
      <c r="V112" s="101">
        <v>5.1702915597047247E-2</v>
      </c>
    </row>
    <row r="113" spans="1:22">
      <c r="A113" s="57" t="s">
        <v>459</v>
      </c>
      <c r="B113" s="186">
        <v>399</v>
      </c>
      <c r="C113" s="187">
        <v>0.43360448079413783</v>
      </c>
      <c r="D113" s="98">
        <v>4.8393531007063555E-2</v>
      </c>
      <c r="E113" s="187">
        <v>0.24288685362174914</v>
      </c>
      <c r="F113" s="98">
        <v>4.2016746413344477E-2</v>
      </c>
      <c r="G113" s="187">
        <v>0.32350866558411301</v>
      </c>
      <c r="H113" s="98">
        <v>4.5739062407616868E-2</v>
      </c>
      <c r="I113" s="186">
        <v>424</v>
      </c>
      <c r="J113" s="187">
        <v>0.43569396587376175</v>
      </c>
      <c r="K113" s="98">
        <v>4.698402765434332E-2</v>
      </c>
      <c r="L113" s="187">
        <v>0.25115778373085607</v>
      </c>
      <c r="M113" s="98">
        <v>4.1212474379356608E-2</v>
      </c>
      <c r="N113" s="187">
        <v>0.31314825039538213</v>
      </c>
      <c r="O113" s="98">
        <v>4.4004334982341721E-2</v>
      </c>
      <c r="P113" s="186">
        <v>451</v>
      </c>
      <c r="Q113" s="187">
        <v>0.23841544064520739</v>
      </c>
      <c r="R113" s="98">
        <v>3.9282978796848819E-2</v>
      </c>
      <c r="S113" s="187">
        <v>0.26129450711399632</v>
      </c>
      <c r="T113" s="98">
        <v>4.0473467852354179E-2</v>
      </c>
      <c r="U113" s="187">
        <v>0.50029005224079626</v>
      </c>
      <c r="V113" s="98">
        <v>4.5943101036878618E-2</v>
      </c>
    </row>
    <row r="114" spans="1:22">
      <c r="A114" s="49" t="s">
        <v>460</v>
      </c>
      <c r="B114" s="188">
        <v>153</v>
      </c>
      <c r="C114" s="189">
        <v>0.23593145376713462</v>
      </c>
      <c r="D114" s="101">
        <v>6.7057965454667398E-2</v>
      </c>
      <c r="E114" s="189">
        <v>0.19606460632986744</v>
      </c>
      <c r="F114" s="101">
        <v>6.3012383686206722E-2</v>
      </c>
      <c r="G114" s="189">
        <v>0.56800393990299791</v>
      </c>
      <c r="H114" s="101">
        <v>7.7522468720315735E-2</v>
      </c>
      <c r="I114" s="188">
        <v>159</v>
      </c>
      <c r="J114" s="189">
        <v>0.21044476925168018</v>
      </c>
      <c r="K114" s="101">
        <v>6.3338884782846522E-2</v>
      </c>
      <c r="L114" s="189">
        <v>0.27778218380597813</v>
      </c>
      <c r="M114" s="101">
        <v>6.9171039279019367E-2</v>
      </c>
      <c r="N114" s="189">
        <v>0.5117730469423416</v>
      </c>
      <c r="O114" s="101">
        <v>7.6739274503483973E-2</v>
      </c>
      <c r="P114" s="188">
        <v>164</v>
      </c>
      <c r="Q114" s="189">
        <v>0.16037157836580559</v>
      </c>
      <c r="R114" s="101">
        <v>5.6596466024886882E-2</v>
      </c>
      <c r="S114" s="189">
        <v>9.5547387035733788E-2</v>
      </c>
      <c r="T114" s="101">
        <v>4.6390683788076495E-2</v>
      </c>
      <c r="U114" s="189">
        <v>0.74408103459846064</v>
      </c>
      <c r="V114" s="101">
        <v>6.6471582428273682E-2</v>
      </c>
    </row>
  </sheetData>
  <mergeCells count="23">
    <mergeCell ref="A5:D5"/>
    <mergeCell ref="A3:O3"/>
    <mergeCell ref="A4:O4"/>
    <mergeCell ref="E5:O5"/>
    <mergeCell ref="A22:I22"/>
    <mergeCell ref="A24:D24"/>
    <mergeCell ref="A41:D41"/>
    <mergeCell ref="A42:D42"/>
    <mergeCell ref="E24:I24"/>
    <mergeCell ref="A23:I23"/>
    <mergeCell ref="A43:D43"/>
    <mergeCell ref="B62:H62"/>
    <mergeCell ref="I62:O62"/>
    <mergeCell ref="A60:O60"/>
    <mergeCell ref="A61:O61"/>
    <mergeCell ref="B100:H100"/>
    <mergeCell ref="I100:O100"/>
    <mergeCell ref="P100:V100"/>
    <mergeCell ref="A79:D79"/>
    <mergeCell ref="A80:D80"/>
    <mergeCell ref="A81:D81"/>
    <mergeCell ref="A98:V98"/>
    <mergeCell ref="A99:V99"/>
  </mergeCells>
  <pageMargins left="0.7" right="0.7" top="0.75" bottom="0.75" header="0.3" footer="0.3"/>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76"/>
  <sheetViews>
    <sheetView topLeftCell="A70" workbookViewId="0">
      <selection activeCell="B68" sqref="B68"/>
    </sheetView>
  </sheetViews>
  <sheetFormatPr defaultColWidth="19.140625" defaultRowHeight="15"/>
  <cols>
    <col min="1" max="1" width="30.140625" customWidth="1"/>
  </cols>
  <sheetData>
    <row r="1" spans="1:4" ht="31.5">
      <c r="A1" s="33" t="s">
        <v>47</v>
      </c>
    </row>
    <row r="3" spans="1:4" ht="18.75">
      <c r="A3" s="331" t="s">
        <v>15</v>
      </c>
      <c r="B3" s="331"/>
      <c r="C3" s="331"/>
      <c r="D3" s="331"/>
    </row>
    <row r="4" spans="1:4" ht="152.25" customHeight="1">
      <c r="A4" s="352" t="s">
        <v>389</v>
      </c>
      <c r="B4" s="352"/>
      <c r="C4" s="352"/>
      <c r="D4" s="352"/>
    </row>
    <row r="5" spans="1:4" ht="15.75" customHeight="1">
      <c r="A5" s="351" t="s">
        <v>207</v>
      </c>
      <c r="B5" s="351"/>
      <c r="C5" s="351"/>
      <c r="D5" s="351"/>
    </row>
    <row r="6" spans="1:4" ht="72">
      <c r="A6" s="37" t="s">
        <v>114</v>
      </c>
      <c r="B6" s="38" t="s">
        <v>115</v>
      </c>
      <c r="C6" s="39" t="s">
        <v>116</v>
      </c>
      <c r="D6" s="40" t="s">
        <v>117</v>
      </c>
    </row>
    <row r="7" spans="1:4" ht="72">
      <c r="A7" s="41"/>
      <c r="B7" s="42" t="s">
        <v>118</v>
      </c>
      <c r="C7" s="136" t="s">
        <v>208</v>
      </c>
      <c r="D7" s="44" t="s">
        <v>120</v>
      </c>
    </row>
    <row r="8" spans="1:4">
      <c r="A8" s="45" t="s">
        <v>449</v>
      </c>
      <c r="B8" s="191">
        <v>12281</v>
      </c>
      <c r="C8" s="192">
        <v>4.3914358412499848</v>
      </c>
      <c r="D8" s="88">
        <v>4.0951281730191802E-2</v>
      </c>
    </row>
    <row r="9" spans="1:4">
      <c r="A9" s="49" t="s">
        <v>450</v>
      </c>
      <c r="B9" s="193">
        <v>3394</v>
      </c>
      <c r="C9" s="194">
        <v>4.2480913984722486</v>
      </c>
      <c r="D9" s="91">
        <v>7.512799641076473E-2</v>
      </c>
    </row>
    <row r="10" spans="1:4">
      <c r="A10" s="53" t="s">
        <v>451</v>
      </c>
      <c r="B10" s="83">
        <v>279</v>
      </c>
      <c r="C10" s="84">
        <v>4.3491288413374747</v>
      </c>
      <c r="D10" s="85">
        <v>0.19104064213601113</v>
      </c>
    </row>
    <row r="11" spans="1:4">
      <c r="A11" s="49" t="s">
        <v>452</v>
      </c>
      <c r="B11" s="193">
        <v>175</v>
      </c>
      <c r="C11" s="194">
        <v>4.2234576951384346</v>
      </c>
      <c r="D11" s="91">
        <v>0.26450975105740104</v>
      </c>
    </row>
    <row r="12" spans="1:4">
      <c r="A12" s="57" t="s">
        <v>453</v>
      </c>
      <c r="B12" s="191">
        <v>356</v>
      </c>
      <c r="C12" s="192">
        <v>4.4623527326680934</v>
      </c>
      <c r="D12" s="88">
        <v>0.2199025120240794</v>
      </c>
    </row>
    <row r="13" spans="1:4">
      <c r="A13" s="49" t="s">
        <v>454</v>
      </c>
      <c r="B13" s="193">
        <v>704</v>
      </c>
      <c r="C13" s="194">
        <v>4.2156163606840709</v>
      </c>
      <c r="D13" s="91">
        <v>0.16083529163360044</v>
      </c>
    </row>
    <row r="14" spans="1:4">
      <c r="A14" s="57" t="s">
        <v>455</v>
      </c>
      <c r="B14" s="191">
        <v>215</v>
      </c>
      <c r="C14" s="192">
        <v>4.0794651911312627</v>
      </c>
      <c r="D14" s="88">
        <v>0.34420956178903994</v>
      </c>
    </row>
    <row r="15" spans="1:4">
      <c r="A15" s="49" t="s">
        <v>456</v>
      </c>
      <c r="B15" s="193">
        <v>663</v>
      </c>
      <c r="C15" s="194">
        <v>4.3386434320438072</v>
      </c>
      <c r="D15" s="91">
        <v>0.16746921296867612</v>
      </c>
    </row>
    <row r="16" spans="1:4">
      <c r="A16" s="57" t="s">
        <v>457</v>
      </c>
      <c r="B16" s="191">
        <v>204</v>
      </c>
      <c r="C16" s="192">
        <v>4.737203505229405</v>
      </c>
      <c r="D16" s="88">
        <v>0.31976859057118201</v>
      </c>
    </row>
    <row r="17" spans="1:29">
      <c r="A17" s="49" t="s">
        <v>458</v>
      </c>
      <c r="B17" s="193">
        <v>295</v>
      </c>
      <c r="C17" s="194">
        <v>4.2204422336213119</v>
      </c>
      <c r="D17" s="91">
        <v>0.26550485094643905</v>
      </c>
    </row>
    <row r="18" spans="1:29">
      <c r="A18" s="57" t="s">
        <v>459</v>
      </c>
      <c r="B18" s="191">
        <v>451</v>
      </c>
      <c r="C18" s="192">
        <v>3.9083110338476419</v>
      </c>
      <c r="D18" s="88">
        <v>0.2163637446875919</v>
      </c>
    </row>
    <row r="19" spans="1:29">
      <c r="A19" s="49" t="s">
        <v>460</v>
      </c>
      <c r="B19" s="193">
        <v>165</v>
      </c>
      <c r="C19" s="194">
        <v>4.4345156639436327</v>
      </c>
      <c r="D19" s="91">
        <v>0.40310532019961798</v>
      </c>
    </row>
    <row r="22" spans="1:29" ht="18.75">
      <c r="A22" s="331" t="s">
        <v>50</v>
      </c>
      <c r="B22" s="331"/>
      <c r="C22" s="331"/>
      <c r="D22" s="331"/>
      <c r="E22" s="331"/>
      <c r="F22" s="331"/>
      <c r="G22" s="331"/>
      <c r="H22" s="331"/>
      <c r="I22" s="331"/>
      <c r="J22" s="331"/>
      <c r="K22" s="331"/>
      <c r="L22" s="331"/>
      <c r="M22" s="331"/>
      <c r="N22" s="331"/>
      <c r="O22" s="331"/>
      <c r="P22" s="331"/>
      <c r="Q22" s="331"/>
      <c r="R22" s="331"/>
      <c r="S22" s="331"/>
      <c r="T22" s="331"/>
      <c r="U22" s="331"/>
      <c r="V22" s="331"/>
      <c r="W22" s="331"/>
      <c r="X22" s="331"/>
      <c r="Y22" s="331"/>
      <c r="Z22" s="331"/>
      <c r="AA22" s="331"/>
      <c r="AB22" s="331"/>
      <c r="AC22" s="331"/>
    </row>
    <row r="23" spans="1:29" ht="54.75" customHeight="1">
      <c r="A23" s="352" t="s">
        <v>209</v>
      </c>
      <c r="B23" s="352"/>
      <c r="C23" s="352"/>
      <c r="D23" s="352"/>
      <c r="E23" s="352"/>
      <c r="F23" s="352"/>
      <c r="G23" s="352"/>
      <c r="H23" s="352"/>
      <c r="I23" s="352"/>
      <c r="J23" s="352"/>
      <c r="K23" s="352"/>
      <c r="L23" s="352"/>
      <c r="M23" s="352"/>
      <c r="N23" s="352"/>
      <c r="O23" s="352"/>
      <c r="P23" s="352"/>
      <c r="Q23" s="352"/>
      <c r="R23" s="352"/>
      <c r="S23" s="352"/>
      <c r="T23" s="352"/>
      <c r="U23" s="352"/>
      <c r="V23" s="352"/>
      <c r="W23" s="352"/>
      <c r="X23" s="352"/>
      <c r="Y23" s="352"/>
      <c r="Z23" s="352"/>
      <c r="AA23" s="352"/>
      <c r="AB23" s="352"/>
      <c r="AC23" s="352"/>
    </row>
    <row r="24" spans="1:29" ht="33.75" customHeight="1">
      <c r="A24" s="64"/>
      <c r="B24" s="351" t="s">
        <v>210</v>
      </c>
      <c r="C24" s="351"/>
      <c r="D24" s="351"/>
      <c r="E24" s="351"/>
      <c r="F24" s="351"/>
      <c r="G24" s="351"/>
      <c r="H24" s="351"/>
      <c r="I24" s="351" t="s">
        <v>211</v>
      </c>
      <c r="J24" s="351"/>
      <c r="K24" s="351"/>
      <c r="L24" s="351"/>
      <c r="M24" s="351"/>
      <c r="N24" s="351"/>
      <c r="O24" s="351"/>
      <c r="P24" s="351" t="s">
        <v>212</v>
      </c>
      <c r="Q24" s="351"/>
      <c r="R24" s="351"/>
      <c r="S24" s="351"/>
      <c r="T24" s="351"/>
      <c r="U24" s="351"/>
      <c r="V24" s="351"/>
      <c r="W24" s="351" t="s">
        <v>390</v>
      </c>
      <c r="X24" s="351"/>
      <c r="Y24" s="351"/>
      <c r="Z24" s="351"/>
      <c r="AA24" s="351"/>
      <c r="AB24" s="351"/>
      <c r="AC24" s="351"/>
    </row>
    <row r="25" spans="1:29" ht="41.25" customHeight="1">
      <c r="A25" s="37" t="s">
        <v>114</v>
      </c>
      <c r="B25" s="38" t="s">
        <v>115</v>
      </c>
      <c r="C25" s="38" t="s">
        <v>300</v>
      </c>
      <c r="D25" s="93" t="s">
        <v>145</v>
      </c>
      <c r="E25" s="38" t="s">
        <v>301</v>
      </c>
      <c r="F25" s="93" t="s">
        <v>146</v>
      </c>
      <c r="G25" s="38" t="s">
        <v>302</v>
      </c>
      <c r="H25" s="93" t="s">
        <v>147</v>
      </c>
      <c r="I25" s="65" t="s">
        <v>115</v>
      </c>
      <c r="J25" s="65" t="s">
        <v>300</v>
      </c>
      <c r="K25" s="92" t="s">
        <v>145</v>
      </c>
      <c r="L25" s="65" t="s">
        <v>301</v>
      </c>
      <c r="M25" s="92" t="s">
        <v>146</v>
      </c>
      <c r="N25" s="65" t="s">
        <v>302</v>
      </c>
      <c r="O25" s="92" t="s">
        <v>147</v>
      </c>
      <c r="P25" s="38" t="s">
        <v>115</v>
      </c>
      <c r="Q25" s="38" t="s">
        <v>300</v>
      </c>
      <c r="R25" s="93" t="s">
        <v>145</v>
      </c>
      <c r="S25" s="38" t="s">
        <v>301</v>
      </c>
      <c r="T25" s="93" t="s">
        <v>146</v>
      </c>
      <c r="U25" s="38" t="s">
        <v>302</v>
      </c>
      <c r="V25" s="93" t="s">
        <v>147</v>
      </c>
      <c r="W25" s="65" t="s">
        <v>115</v>
      </c>
      <c r="X25" s="65" t="s">
        <v>300</v>
      </c>
      <c r="Y25" s="92" t="s">
        <v>145</v>
      </c>
      <c r="Z25" s="65" t="s">
        <v>301</v>
      </c>
      <c r="AA25" s="92" t="s">
        <v>146</v>
      </c>
      <c r="AB25" s="65" t="s">
        <v>302</v>
      </c>
      <c r="AC25" s="92" t="s">
        <v>147</v>
      </c>
    </row>
    <row r="26" spans="1:29" ht="77.25" customHeight="1">
      <c r="A26" s="41"/>
      <c r="B26" s="42" t="s">
        <v>118</v>
      </c>
      <c r="C26" s="42" t="s">
        <v>303</v>
      </c>
      <c r="D26" s="95" t="s">
        <v>213</v>
      </c>
      <c r="E26" s="42" t="s">
        <v>304</v>
      </c>
      <c r="F26" s="95" t="s">
        <v>214</v>
      </c>
      <c r="G26" s="42" t="s">
        <v>305</v>
      </c>
      <c r="H26" s="95" t="s">
        <v>215</v>
      </c>
      <c r="I26" s="68" t="s">
        <v>118</v>
      </c>
      <c r="J26" s="68" t="s">
        <v>303</v>
      </c>
      <c r="K26" s="94" t="s">
        <v>213</v>
      </c>
      <c r="L26" s="68" t="s">
        <v>304</v>
      </c>
      <c r="M26" s="94" t="s">
        <v>214</v>
      </c>
      <c r="N26" s="68" t="s">
        <v>305</v>
      </c>
      <c r="O26" s="94" t="s">
        <v>215</v>
      </c>
      <c r="P26" s="42" t="s">
        <v>118</v>
      </c>
      <c r="Q26" s="42" t="s">
        <v>303</v>
      </c>
      <c r="R26" s="95" t="s">
        <v>213</v>
      </c>
      <c r="S26" s="42" t="s">
        <v>304</v>
      </c>
      <c r="T26" s="95" t="s">
        <v>214</v>
      </c>
      <c r="U26" s="42" t="s">
        <v>305</v>
      </c>
      <c r="V26" s="95" t="s">
        <v>215</v>
      </c>
      <c r="W26" s="68" t="s">
        <v>118</v>
      </c>
      <c r="X26" s="68" t="s">
        <v>303</v>
      </c>
      <c r="Y26" s="94" t="s">
        <v>213</v>
      </c>
      <c r="Z26" s="68" t="s">
        <v>304</v>
      </c>
      <c r="AA26" s="94" t="s">
        <v>214</v>
      </c>
      <c r="AB26" s="68" t="s">
        <v>305</v>
      </c>
      <c r="AC26" s="94" t="s">
        <v>215</v>
      </c>
    </row>
    <row r="27" spans="1:29">
      <c r="A27" s="45" t="s">
        <v>449</v>
      </c>
      <c r="B27" s="191">
        <v>12358</v>
      </c>
      <c r="C27" s="195">
        <v>0.33155788412339932</v>
      </c>
      <c r="D27" s="98">
        <v>8.2992963109474547E-3</v>
      </c>
      <c r="E27" s="195">
        <v>0.1996986823942023</v>
      </c>
      <c r="F27" s="98">
        <v>7.0486400674939125E-3</v>
      </c>
      <c r="G27" s="195">
        <v>0.46874343348239839</v>
      </c>
      <c r="H27" s="98">
        <v>8.7969476381442174E-3</v>
      </c>
      <c r="I27" s="191">
        <v>12378</v>
      </c>
      <c r="J27" s="195">
        <v>0.39990913520657373</v>
      </c>
      <c r="K27" s="98">
        <v>8.6289051972025261E-3</v>
      </c>
      <c r="L27" s="195">
        <v>0.19478620270533847</v>
      </c>
      <c r="M27" s="98">
        <v>6.9771598009403767E-3</v>
      </c>
      <c r="N27" s="195">
        <v>0.4053046620880878</v>
      </c>
      <c r="O27" s="98">
        <v>8.6477665427070784E-3</v>
      </c>
      <c r="P27" s="191">
        <v>12361</v>
      </c>
      <c r="Q27" s="195">
        <v>0.23828433438762517</v>
      </c>
      <c r="R27" s="98">
        <v>7.5102812853526336E-3</v>
      </c>
      <c r="S27" s="195">
        <v>0.15442294460253603</v>
      </c>
      <c r="T27" s="98">
        <v>6.3711811529335175E-3</v>
      </c>
      <c r="U27" s="195">
        <v>0.60729272100983878</v>
      </c>
      <c r="V27" s="98">
        <v>8.60794145778007E-3</v>
      </c>
      <c r="W27" s="191">
        <v>12517</v>
      </c>
      <c r="X27" s="195">
        <v>0.18910442117109544</v>
      </c>
      <c r="Y27" s="98">
        <v>6.8605240509122525E-3</v>
      </c>
      <c r="Z27" s="195">
        <v>0.19656877983842372</v>
      </c>
      <c r="AA27" s="98">
        <v>6.9622408394216725E-3</v>
      </c>
      <c r="AB27" s="195">
        <v>0.61432679899048082</v>
      </c>
      <c r="AC27" s="98">
        <v>8.5261639190151606E-3</v>
      </c>
    </row>
    <row r="28" spans="1:29">
      <c r="A28" s="49" t="s">
        <v>450</v>
      </c>
      <c r="B28" s="193">
        <v>3439</v>
      </c>
      <c r="C28" s="196">
        <v>0.38172849624168192</v>
      </c>
      <c r="D28" s="101">
        <v>1.6228723119074816E-2</v>
      </c>
      <c r="E28" s="196">
        <v>0.21690626905883667</v>
      </c>
      <c r="F28" s="101">
        <v>1.3774259948385477E-2</v>
      </c>
      <c r="G28" s="196">
        <v>0.40136523469948143</v>
      </c>
      <c r="H28" s="101">
        <v>1.6374152107865188E-2</v>
      </c>
      <c r="I28" s="193">
        <v>3435</v>
      </c>
      <c r="J28" s="196">
        <v>0.43000393703714812</v>
      </c>
      <c r="K28" s="101">
        <v>1.6547112470448207E-2</v>
      </c>
      <c r="L28" s="196">
        <v>0.21969214479999852</v>
      </c>
      <c r="M28" s="101">
        <v>1.384559126599515E-2</v>
      </c>
      <c r="N28" s="196">
        <v>0.35030391816285333</v>
      </c>
      <c r="O28" s="101">
        <v>1.5946570855636024E-2</v>
      </c>
      <c r="P28" s="193">
        <v>3430</v>
      </c>
      <c r="Q28" s="196">
        <v>0.25648904350009538</v>
      </c>
      <c r="R28" s="101">
        <v>1.4611377838607312E-2</v>
      </c>
      <c r="S28" s="196">
        <v>0.16192777582241488</v>
      </c>
      <c r="T28" s="101">
        <v>1.233339694947596E-2</v>
      </c>
      <c r="U28" s="196">
        <v>0.58158318067748971</v>
      </c>
      <c r="V28" s="101">
        <v>1.6499859264367429E-2</v>
      </c>
      <c r="W28" s="193">
        <v>3447</v>
      </c>
      <c r="X28" s="196">
        <v>0.20284187547708643</v>
      </c>
      <c r="Y28" s="101">
        <v>1.3424842657250186E-2</v>
      </c>
      <c r="Z28" s="196">
        <v>0.19784715069597558</v>
      </c>
      <c r="AA28" s="101">
        <v>1.3300448155552685E-2</v>
      </c>
      <c r="AB28" s="196">
        <v>0.59931097382693799</v>
      </c>
      <c r="AC28" s="101">
        <v>1.6350614995506833E-2</v>
      </c>
    </row>
    <row r="29" spans="1:29">
      <c r="A29" s="53" t="s">
        <v>451</v>
      </c>
      <c r="B29" s="54">
        <v>274</v>
      </c>
      <c r="C29" s="190">
        <v>0.32054570644475261</v>
      </c>
      <c r="D29" s="98">
        <v>5.4976130393271962E-2</v>
      </c>
      <c r="E29" s="190">
        <v>0.27279585452126409</v>
      </c>
      <c r="F29" s="98">
        <v>5.255198499514524E-2</v>
      </c>
      <c r="G29" s="190">
        <v>0.40665843903398324</v>
      </c>
      <c r="H29" s="98">
        <v>5.777299118507323E-2</v>
      </c>
      <c r="I29" s="54">
        <v>271</v>
      </c>
      <c r="J29" s="190">
        <v>0.42683319897253952</v>
      </c>
      <c r="K29" s="98">
        <v>5.8478539088857952E-2</v>
      </c>
      <c r="L29" s="190">
        <v>0.21595663531772419</v>
      </c>
      <c r="M29" s="98">
        <v>4.8967826952270234E-2</v>
      </c>
      <c r="N29" s="190">
        <v>0.35721016570973624</v>
      </c>
      <c r="O29" s="98">
        <v>5.6707731318412571E-2</v>
      </c>
      <c r="P29" s="54">
        <v>273</v>
      </c>
      <c r="Q29" s="190">
        <v>0.23650578372625428</v>
      </c>
      <c r="R29" s="98">
        <v>5.0317699761530076E-2</v>
      </c>
      <c r="S29" s="190">
        <v>0.11529160637212141</v>
      </c>
      <c r="T29" s="98">
        <v>3.8385419950604453E-2</v>
      </c>
      <c r="U29" s="190">
        <v>0.64820260990162426</v>
      </c>
      <c r="V29" s="98">
        <v>5.631404753799861E-2</v>
      </c>
      <c r="W29" s="54">
        <v>274</v>
      </c>
      <c r="X29" s="190">
        <v>0.13947151519593903</v>
      </c>
      <c r="Y29" s="98">
        <v>4.1350047905703208E-2</v>
      </c>
      <c r="Z29" s="190">
        <v>0.26484062178140555</v>
      </c>
      <c r="AA29" s="98">
        <v>5.2080084404845475E-2</v>
      </c>
      <c r="AB29" s="190">
        <v>0.59568786302265542</v>
      </c>
      <c r="AC29" s="98">
        <v>5.7721440888849521E-2</v>
      </c>
    </row>
    <row r="30" spans="1:29">
      <c r="A30" s="49" t="s">
        <v>452</v>
      </c>
      <c r="B30" s="193">
        <v>171</v>
      </c>
      <c r="C30" s="196">
        <v>0.31814197060497856</v>
      </c>
      <c r="D30" s="101">
        <v>6.9244533264756145E-2</v>
      </c>
      <c r="E30" s="196">
        <v>0.33917204979848925</v>
      </c>
      <c r="F30" s="101">
        <v>7.0326792395334375E-2</v>
      </c>
      <c r="G30" s="196">
        <v>0.34268597959653219</v>
      </c>
      <c r="H30" s="101">
        <v>7.0493187286413392E-2</v>
      </c>
      <c r="I30" s="193">
        <v>173</v>
      </c>
      <c r="J30" s="196">
        <v>0.46039831786777696</v>
      </c>
      <c r="K30" s="101">
        <v>7.3440258712710593E-2</v>
      </c>
      <c r="L30" s="196">
        <v>0.21585165539587639</v>
      </c>
      <c r="M30" s="101">
        <v>6.1252870036599336E-2</v>
      </c>
      <c r="N30" s="196">
        <v>0.32375002673634667</v>
      </c>
      <c r="O30" s="101">
        <v>6.9151315715863679E-2</v>
      </c>
      <c r="P30" s="193">
        <v>170</v>
      </c>
      <c r="Q30" s="196">
        <v>0.26527363373916973</v>
      </c>
      <c r="R30" s="101">
        <v>6.6018152593941851E-2</v>
      </c>
      <c r="S30" s="196">
        <v>0.21403239958881495</v>
      </c>
      <c r="T30" s="101">
        <v>6.1612509146920874E-2</v>
      </c>
      <c r="U30" s="196">
        <v>0.5206939666720154</v>
      </c>
      <c r="V30" s="101">
        <v>7.4232844331221001E-2</v>
      </c>
      <c r="W30" s="193">
        <v>172</v>
      </c>
      <c r="X30" s="196">
        <v>0.19132625336358142</v>
      </c>
      <c r="Y30" s="101">
        <v>5.8911663913234796E-2</v>
      </c>
      <c r="Z30" s="196">
        <v>0.16776399851442286</v>
      </c>
      <c r="AA30" s="101">
        <v>5.6176301681532051E-2</v>
      </c>
      <c r="AB30" s="196">
        <v>0.64090974812199575</v>
      </c>
      <c r="AC30" s="101">
        <v>7.1013388371718278E-2</v>
      </c>
    </row>
    <row r="31" spans="1:29">
      <c r="A31" s="57" t="s">
        <v>453</v>
      </c>
      <c r="B31" s="191">
        <v>342</v>
      </c>
      <c r="C31" s="195">
        <v>0.26346040052987152</v>
      </c>
      <c r="D31" s="98">
        <v>4.6570219252617E-2</v>
      </c>
      <c r="E31" s="195">
        <v>0.18022595929872584</v>
      </c>
      <c r="F31" s="98">
        <v>4.0822669487876856E-2</v>
      </c>
      <c r="G31" s="195">
        <v>0.55631364017140261</v>
      </c>
      <c r="H31" s="98">
        <v>5.2357637090059035E-2</v>
      </c>
      <c r="I31" s="191">
        <v>349</v>
      </c>
      <c r="J31" s="195">
        <v>0.37879758520678009</v>
      </c>
      <c r="K31" s="98">
        <v>5.0640053230842072E-2</v>
      </c>
      <c r="L31" s="195">
        <v>0.25304861618821239</v>
      </c>
      <c r="M31" s="98">
        <v>4.5518711900430817E-2</v>
      </c>
      <c r="N31" s="195">
        <v>0.36815379860500758</v>
      </c>
      <c r="O31" s="98">
        <v>5.0356370427162143E-2</v>
      </c>
      <c r="P31" s="191">
        <v>348</v>
      </c>
      <c r="Q31" s="195">
        <v>0.18416426972558311</v>
      </c>
      <c r="R31" s="98">
        <v>4.0796463537555235E-2</v>
      </c>
      <c r="S31" s="195">
        <v>0.22817731379787975</v>
      </c>
      <c r="T31" s="98">
        <v>4.4048265871654689E-2</v>
      </c>
      <c r="U31" s="195">
        <v>0.58765841647653705</v>
      </c>
      <c r="V31" s="98">
        <v>5.1443598429128587E-2</v>
      </c>
      <c r="W31" s="191">
        <v>356</v>
      </c>
      <c r="X31" s="195">
        <v>0.15661528907011407</v>
      </c>
      <c r="Y31" s="98">
        <v>3.7912009748120985E-2</v>
      </c>
      <c r="Z31" s="195">
        <v>0.2556095017471654</v>
      </c>
      <c r="AA31" s="98">
        <v>4.5216280434438358E-2</v>
      </c>
      <c r="AB31" s="195">
        <v>0.58777520918272053</v>
      </c>
      <c r="AC31" s="98">
        <v>5.0866287430657978E-2</v>
      </c>
    </row>
    <row r="32" spans="1:29">
      <c r="A32" s="49" t="s">
        <v>454</v>
      </c>
      <c r="B32" s="193">
        <v>689</v>
      </c>
      <c r="C32" s="196">
        <v>0.4356980495994201</v>
      </c>
      <c r="D32" s="101">
        <v>3.6921562187338289E-2</v>
      </c>
      <c r="E32" s="196">
        <v>0.2262212815762793</v>
      </c>
      <c r="F32" s="101">
        <v>3.1227142378363305E-2</v>
      </c>
      <c r="G32" s="196">
        <v>0.3380806688243006</v>
      </c>
      <c r="H32" s="101">
        <v>3.5244779419956282E-2</v>
      </c>
      <c r="I32" s="193">
        <v>676</v>
      </c>
      <c r="J32" s="196">
        <v>0.44018538618662445</v>
      </c>
      <c r="K32" s="101">
        <v>3.7314576735328502E-2</v>
      </c>
      <c r="L32" s="196">
        <v>0.19986918089355574</v>
      </c>
      <c r="M32" s="101">
        <v>3.0156785214484921E-2</v>
      </c>
      <c r="N32" s="196">
        <v>0.35994543291981979</v>
      </c>
      <c r="O32" s="101">
        <v>3.6094847371643479E-2</v>
      </c>
      <c r="P32" s="193">
        <v>678</v>
      </c>
      <c r="Q32" s="196">
        <v>0.22321122960365861</v>
      </c>
      <c r="R32" s="101">
        <v>3.1332327931792525E-2</v>
      </c>
      <c r="S32" s="196">
        <v>0.18206755722295939</v>
      </c>
      <c r="T32" s="101">
        <v>2.9077425116095772E-2</v>
      </c>
      <c r="U32" s="196">
        <v>0.594721213173382</v>
      </c>
      <c r="V32" s="101">
        <v>3.6854629843963663E-2</v>
      </c>
      <c r="W32" s="193">
        <v>682</v>
      </c>
      <c r="X32" s="196">
        <v>0.2059246539360077</v>
      </c>
      <c r="Y32" s="101">
        <v>3.0353607640106656E-2</v>
      </c>
      <c r="Z32" s="196">
        <v>0.22972937472151836</v>
      </c>
      <c r="AA32" s="101">
        <v>3.1554677562106039E-2</v>
      </c>
      <c r="AB32" s="196">
        <v>0.564345971342474</v>
      </c>
      <c r="AC32" s="101">
        <v>3.7109073591989401E-2</v>
      </c>
    </row>
    <row r="33" spans="1:29">
      <c r="A33" s="57" t="s">
        <v>455</v>
      </c>
      <c r="B33" s="191">
        <v>208</v>
      </c>
      <c r="C33" s="195">
        <v>0.31753342359610115</v>
      </c>
      <c r="D33" s="98">
        <v>6.2844467543853769E-2</v>
      </c>
      <c r="E33" s="195">
        <v>0.31239050361539988</v>
      </c>
      <c r="F33" s="98">
        <v>6.2579769619698897E-2</v>
      </c>
      <c r="G33" s="195">
        <v>0.37007607278849891</v>
      </c>
      <c r="H33" s="98">
        <v>6.5082563478834496E-2</v>
      </c>
      <c r="I33" s="191">
        <v>217</v>
      </c>
      <c r="J33" s="195">
        <v>0.50672545916493439</v>
      </c>
      <c r="K33" s="98">
        <v>6.5916183946274548E-2</v>
      </c>
      <c r="L33" s="195">
        <v>0.15596546588887031</v>
      </c>
      <c r="M33" s="98">
        <v>4.8601230229625376E-2</v>
      </c>
      <c r="N33" s="195">
        <v>0.33730907494619528</v>
      </c>
      <c r="O33" s="98">
        <v>6.2466884543748671E-2</v>
      </c>
      <c r="P33" s="191">
        <v>210</v>
      </c>
      <c r="Q33" s="195">
        <v>0.35584706873565497</v>
      </c>
      <c r="R33" s="98">
        <v>6.4254446476850177E-2</v>
      </c>
      <c r="S33" s="195">
        <v>0.12476461875014851</v>
      </c>
      <c r="T33" s="98">
        <v>4.5319649547481369E-2</v>
      </c>
      <c r="U33" s="195">
        <v>0.51938831251419648</v>
      </c>
      <c r="V33" s="98">
        <v>6.6942903445682739E-2</v>
      </c>
      <c r="W33" s="191">
        <v>217</v>
      </c>
      <c r="X33" s="195">
        <v>0.21798625746576283</v>
      </c>
      <c r="Y33" s="98">
        <v>5.4889053695957327E-2</v>
      </c>
      <c r="Z33" s="195">
        <v>0.23454697345852377</v>
      </c>
      <c r="AA33" s="98">
        <v>5.62561556789547E-2</v>
      </c>
      <c r="AB33" s="195">
        <v>0.54746676907571334</v>
      </c>
      <c r="AC33" s="98">
        <v>6.5634908172444023E-2</v>
      </c>
    </row>
    <row r="34" spans="1:29">
      <c r="A34" s="49" t="s">
        <v>456</v>
      </c>
      <c r="B34" s="193">
        <v>656</v>
      </c>
      <c r="C34" s="196">
        <v>0.38223123561275901</v>
      </c>
      <c r="D34" s="101">
        <v>3.7086362594549685E-2</v>
      </c>
      <c r="E34" s="196">
        <v>0.20473403707769031</v>
      </c>
      <c r="F34" s="101">
        <v>3.0884167411638064E-2</v>
      </c>
      <c r="G34" s="196">
        <v>0.41303472730955076</v>
      </c>
      <c r="H34" s="101">
        <v>3.7572097135441081E-2</v>
      </c>
      <c r="I34" s="193">
        <v>653</v>
      </c>
      <c r="J34" s="196">
        <v>0.40651594287680531</v>
      </c>
      <c r="K34" s="101">
        <v>3.7567489364065204E-2</v>
      </c>
      <c r="L34" s="196">
        <v>0.24139639986211633</v>
      </c>
      <c r="M34" s="101">
        <v>3.2794935042597381E-2</v>
      </c>
      <c r="N34" s="196">
        <v>0.35208765726107832</v>
      </c>
      <c r="O34" s="101">
        <v>3.654345269880508E-2</v>
      </c>
      <c r="P34" s="193">
        <v>650</v>
      </c>
      <c r="Q34" s="196">
        <v>0.26794276029200553</v>
      </c>
      <c r="R34" s="101">
        <v>3.4000595620902248E-2</v>
      </c>
      <c r="S34" s="196">
        <v>0.13807210563006322</v>
      </c>
      <c r="T34" s="101">
        <v>2.661650424586489E-2</v>
      </c>
      <c r="U34" s="196">
        <v>0.59398513407793119</v>
      </c>
      <c r="V34" s="101">
        <v>3.7646354142410909E-2</v>
      </c>
      <c r="W34" s="193">
        <v>643</v>
      </c>
      <c r="X34" s="196">
        <v>0.17375470689434538</v>
      </c>
      <c r="Y34" s="101">
        <v>2.9329330434280553E-2</v>
      </c>
      <c r="Z34" s="196">
        <v>0.12754346404797201</v>
      </c>
      <c r="AA34" s="101">
        <v>2.5900996127814012E-2</v>
      </c>
      <c r="AB34" s="196">
        <v>0.69870182905768263</v>
      </c>
      <c r="AC34" s="101">
        <v>3.5395621921595857E-2</v>
      </c>
    </row>
    <row r="35" spans="1:29">
      <c r="A35" s="57" t="s">
        <v>457</v>
      </c>
      <c r="B35" s="191">
        <v>200</v>
      </c>
      <c r="C35" s="195">
        <v>0.27804846541713851</v>
      </c>
      <c r="D35" s="98">
        <v>6.1775285560491083E-2</v>
      </c>
      <c r="E35" s="195">
        <v>0.16040621015028578</v>
      </c>
      <c r="F35" s="98">
        <v>5.1190478535222503E-2</v>
      </c>
      <c r="G35" s="195">
        <v>0.56154532443257565</v>
      </c>
      <c r="H35" s="98">
        <v>6.8112282201605159E-2</v>
      </c>
      <c r="I35" s="191">
        <v>203</v>
      </c>
      <c r="J35" s="195">
        <v>0.31025796783341569</v>
      </c>
      <c r="K35" s="98">
        <v>6.3222177875525878E-2</v>
      </c>
      <c r="L35" s="195">
        <v>0.28826566014272142</v>
      </c>
      <c r="M35" s="98">
        <v>6.196333975259518E-2</v>
      </c>
      <c r="N35" s="195">
        <v>0.40147637202386299</v>
      </c>
      <c r="O35" s="98">
        <v>6.6830855413271023E-2</v>
      </c>
      <c r="P35" s="191">
        <v>206</v>
      </c>
      <c r="Q35" s="195">
        <v>0.18548681791663701</v>
      </c>
      <c r="R35" s="98">
        <v>5.3217123030890448E-2</v>
      </c>
      <c r="S35" s="195">
        <v>0.10235887180162041</v>
      </c>
      <c r="T35" s="98">
        <v>4.2307931619402182E-2</v>
      </c>
      <c r="U35" s="195">
        <v>0.71215431028174259</v>
      </c>
      <c r="V35" s="98">
        <v>6.1490066623892142E-2</v>
      </c>
      <c r="W35" s="191">
        <v>202</v>
      </c>
      <c r="X35" s="195">
        <v>0.12609641810970754</v>
      </c>
      <c r="Y35" s="98">
        <v>4.6424800709366033E-2</v>
      </c>
      <c r="Z35" s="195">
        <v>0.14824069196196754</v>
      </c>
      <c r="AA35" s="98">
        <v>4.9430821550762567E-2</v>
      </c>
      <c r="AB35" s="195">
        <v>0.72566288992832495</v>
      </c>
      <c r="AC35" s="98">
        <v>6.122911096296528E-2</v>
      </c>
    </row>
    <row r="36" spans="1:29">
      <c r="A36" s="49" t="s">
        <v>458</v>
      </c>
      <c r="B36" s="193">
        <v>288</v>
      </c>
      <c r="C36" s="196">
        <v>0.40977986655678861</v>
      </c>
      <c r="D36" s="101">
        <v>5.6434634919043318E-2</v>
      </c>
      <c r="E36" s="196">
        <v>0.19775063926350189</v>
      </c>
      <c r="F36" s="101">
        <v>4.6042008707843626E-2</v>
      </c>
      <c r="G36" s="196">
        <v>0.3924694941797095</v>
      </c>
      <c r="H36" s="101">
        <v>5.6045143028250768E-2</v>
      </c>
      <c r="I36" s="193">
        <v>283</v>
      </c>
      <c r="J36" s="196">
        <v>0.37028706701930914</v>
      </c>
      <c r="K36" s="101">
        <v>5.5922810568633463E-2</v>
      </c>
      <c r="L36" s="196">
        <v>0.29982049484604645</v>
      </c>
      <c r="M36" s="101">
        <v>5.31489638949132E-2</v>
      </c>
      <c r="N36" s="196">
        <v>0.32989243813464442</v>
      </c>
      <c r="O36" s="101">
        <v>5.4495284618385868E-2</v>
      </c>
      <c r="P36" s="193">
        <v>284</v>
      </c>
      <c r="Q36" s="196">
        <v>0.25027229490373526</v>
      </c>
      <c r="R36" s="101">
        <v>5.0257373988341951E-2</v>
      </c>
      <c r="S36" s="196">
        <v>0.14418313245678496</v>
      </c>
      <c r="T36" s="101">
        <v>4.1140349584040621E-2</v>
      </c>
      <c r="U36" s="196">
        <v>0.60554457263947969</v>
      </c>
      <c r="V36" s="101">
        <v>5.6482124891938414E-2</v>
      </c>
      <c r="W36" s="193">
        <v>284</v>
      </c>
      <c r="X36" s="196">
        <v>0.16269829142563944</v>
      </c>
      <c r="Y36" s="101">
        <v>4.3115971568868754E-2</v>
      </c>
      <c r="Z36" s="196">
        <v>0.23592947129411154</v>
      </c>
      <c r="AA36" s="101">
        <v>4.9297227973517307E-2</v>
      </c>
      <c r="AB36" s="196">
        <v>0.60137223728024913</v>
      </c>
      <c r="AC36" s="101">
        <v>5.6581168102947971E-2</v>
      </c>
    </row>
    <row r="37" spans="1:29">
      <c r="A37" s="57" t="s">
        <v>459</v>
      </c>
      <c r="B37" s="191">
        <v>441</v>
      </c>
      <c r="C37" s="195">
        <v>0.47179929127967046</v>
      </c>
      <c r="D37" s="98">
        <v>4.6383829263011975E-2</v>
      </c>
      <c r="E37" s="195">
        <v>0.19186068289208894</v>
      </c>
      <c r="F37" s="98">
        <v>3.6785704913432145E-2</v>
      </c>
      <c r="G37" s="195">
        <v>0.33634002582824057</v>
      </c>
      <c r="H37" s="98">
        <v>4.3944444653200403E-2</v>
      </c>
      <c r="I37" s="191">
        <v>438</v>
      </c>
      <c r="J37" s="195">
        <v>0.51907402028965766</v>
      </c>
      <c r="K37" s="98">
        <v>4.6580527704738334E-2</v>
      </c>
      <c r="L37" s="195">
        <v>0.15694272613181792</v>
      </c>
      <c r="M37" s="98">
        <v>3.4181927319339292E-2</v>
      </c>
      <c r="N37" s="195">
        <v>0.32398325357852442</v>
      </c>
      <c r="O37" s="98">
        <v>4.3685538510992661E-2</v>
      </c>
      <c r="P37" s="191">
        <v>437</v>
      </c>
      <c r="Q37" s="195">
        <v>0.3211345691661629</v>
      </c>
      <c r="R37" s="98">
        <v>4.3636192595232791E-2</v>
      </c>
      <c r="S37" s="195">
        <v>0.19138290449099407</v>
      </c>
      <c r="T37" s="98">
        <v>3.6919845344702787E-2</v>
      </c>
      <c r="U37" s="195">
        <v>0.48748252634284306</v>
      </c>
      <c r="V37" s="98">
        <v>4.665230441016241E-2</v>
      </c>
      <c r="W37" s="191">
        <v>444</v>
      </c>
      <c r="X37" s="195">
        <v>0.34123252198202986</v>
      </c>
      <c r="Y37" s="98">
        <v>4.3948169717965446E-2</v>
      </c>
      <c r="Z37" s="195">
        <v>0.17717809383111252</v>
      </c>
      <c r="AA37" s="98">
        <v>3.5580916528822067E-2</v>
      </c>
      <c r="AB37" s="195">
        <v>0.48158938418685771</v>
      </c>
      <c r="AC37" s="98">
        <v>4.6269808376957579E-2</v>
      </c>
    </row>
    <row r="38" spans="1:29">
      <c r="A38" s="49" t="s">
        <v>460</v>
      </c>
      <c r="B38" s="193">
        <v>162</v>
      </c>
      <c r="C38" s="196">
        <v>0.38551286607368246</v>
      </c>
      <c r="D38" s="101">
        <v>7.4139415898970329E-2</v>
      </c>
      <c r="E38" s="196">
        <v>0.10925920714515389</v>
      </c>
      <c r="F38" s="101">
        <v>4.9198191079807559E-2</v>
      </c>
      <c r="G38" s="196">
        <v>0.50522792678116368</v>
      </c>
      <c r="H38" s="101">
        <v>7.6058791601351955E-2</v>
      </c>
      <c r="I38" s="193">
        <v>161</v>
      </c>
      <c r="J38" s="196">
        <v>0.40845962120943097</v>
      </c>
      <c r="K38" s="101">
        <v>7.5065653669871918E-2</v>
      </c>
      <c r="L38" s="196">
        <v>0.15263705784721149</v>
      </c>
      <c r="M38" s="101">
        <v>5.6088160170718299E-2</v>
      </c>
      <c r="N38" s="196">
        <v>0.43890332094335754</v>
      </c>
      <c r="O38" s="101">
        <v>7.5748663424557258E-2</v>
      </c>
      <c r="P38" s="193">
        <v>164</v>
      </c>
      <c r="Q38" s="196">
        <v>0.28165417564990125</v>
      </c>
      <c r="R38" s="101">
        <v>6.8394409877374204E-2</v>
      </c>
      <c r="S38" s="196">
        <v>0.10284349780249633</v>
      </c>
      <c r="T38" s="101">
        <v>4.7744544172962221E-2</v>
      </c>
      <c r="U38" s="196">
        <v>0.6155023265476024</v>
      </c>
      <c r="V38" s="101">
        <v>7.36611228962053E-2</v>
      </c>
      <c r="W38" s="193">
        <v>164</v>
      </c>
      <c r="X38" s="196">
        <v>0.16599140314185032</v>
      </c>
      <c r="Y38" s="101">
        <v>5.7320621535954817E-2</v>
      </c>
      <c r="Z38" s="196">
        <v>0.11876152704122551</v>
      </c>
      <c r="AA38" s="101">
        <v>5.049296956935613E-2</v>
      </c>
      <c r="AB38" s="196">
        <v>0.71524706981692421</v>
      </c>
      <c r="AC38" s="101">
        <v>6.8608113929644041E-2</v>
      </c>
    </row>
    <row r="41" spans="1:29" ht="18.75">
      <c r="A41" s="331" t="s">
        <v>51</v>
      </c>
      <c r="B41" s="331"/>
      <c r="C41" s="331"/>
      <c r="D41" s="331"/>
    </row>
    <row r="42" spans="1:29" ht="147" customHeight="1">
      <c r="A42" s="360" t="s">
        <v>391</v>
      </c>
      <c r="B42" s="361"/>
      <c r="C42" s="361"/>
      <c r="D42" s="361"/>
    </row>
    <row r="43" spans="1:29" ht="32.25" customHeight="1">
      <c r="A43" s="333" t="s">
        <v>216</v>
      </c>
      <c r="B43" s="333"/>
      <c r="C43" s="333"/>
      <c r="D43" s="333"/>
    </row>
    <row r="44" spans="1:29" ht="38.25" customHeight="1">
      <c r="A44" s="37" t="s">
        <v>114</v>
      </c>
      <c r="B44" s="38" t="s">
        <v>115</v>
      </c>
      <c r="C44" s="39" t="s">
        <v>116</v>
      </c>
      <c r="D44" s="40" t="s">
        <v>117</v>
      </c>
    </row>
    <row r="45" spans="1:29" ht="72">
      <c r="A45" s="41"/>
      <c r="B45" s="42" t="s">
        <v>118</v>
      </c>
      <c r="C45" s="136" t="s">
        <v>217</v>
      </c>
      <c r="D45" s="44" t="s">
        <v>120</v>
      </c>
    </row>
    <row r="46" spans="1:29">
      <c r="A46" s="45" t="s">
        <v>449</v>
      </c>
      <c r="B46" s="197">
        <v>11241</v>
      </c>
      <c r="C46" s="198">
        <v>4.0609946285479666</v>
      </c>
      <c r="D46" s="139">
        <v>4.1840405330496822E-2</v>
      </c>
    </row>
    <row r="47" spans="1:29">
      <c r="A47" s="49" t="s">
        <v>450</v>
      </c>
      <c r="B47" s="199">
        <v>3133</v>
      </c>
      <c r="C47" s="200">
        <v>4.015925555005599</v>
      </c>
      <c r="D47" s="143">
        <v>7.9439442596074716E-2</v>
      </c>
    </row>
    <row r="48" spans="1:29">
      <c r="A48" s="53" t="s">
        <v>451</v>
      </c>
      <c r="B48" s="83">
        <v>256</v>
      </c>
      <c r="C48" s="84">
        <v>4.1484270407720505</v>
      </c>
      <c r="D48" s="85">
        <v>0.21456210028134626</v>
      </c>
    </row>
    <row r="49" spans="1:22">
      <c r="A49" s="49" t="s">
        <v>452</v>
      </c>
      <c r="B49" s="199">
        <v>158</v>
      </c>
      <c r="C49" s="200">
        <v>4.0133471604715698</v>
      </c>
      <c r="D49" s="143">
        <v>0.29949237042713328</v>
      </c>
    </row>
    <row r="50" spans="1:22">
      <c r="A50" s="57" t="s">
        <v>453</v>
      </c>
      <c r="B50" s="197">
        <v>332</v>
      </c>
      <c r="C50" s="198">
        <v>3.78209376811385</v>
      </c>
      <c r="D50" s="139">
        <v>0.23138467450129818</v>
      </c>
    </row>
    <row r="51" spans="1:22">
      <c r="A51" s="49" t="s">
        <v>454</v>
      </c>
      <c r="B51" s="199">
        <v>641</v>
      </c>
      <c r="C51" s="200">
        <v>3.9340056642892671</v>
      </c>
      <c r="D51" s="143">
        <v>0.170312678913902</v>
      </c>
    </row>
    <row r="52" spans="1:22">
      <c r="A52" s="57" t="s">
        <v>455</v>
      </c>
      <c r="B52" s="197">
        <v>201</v>
      </c>
      <c r="C52" s="198">
        <v>3.9235037455037269</v>
      </c>
      <c r="D52" s="139">
        <v>0.37977583129689618</v>
      </c>
    </row>
    <row r="53" spans="1:22">
      <c r="A53" s="49" t="s">
        <v>456</v>
      </c>
      <c r="B53" s="199">
        <v>618</v>
      </c>
      <c r="C53" s="200">
        <v>3.8520916347513641</v>
      </c>
      <c r="D53" s="143">
        <v>0.16926011864693535</v>
      </c>
    </row>
    <row r="54" spans="1:22">
      <c r="A54" s="57" t="s">
        <v>457</v>
      </c>
      <c r="B54" s="197">
        <v>194</v>
      </c>
      <c r="C54" s="198">
        <v>4.397721462590181</v>
      </c>
      <c r="D54" s="139">
        <v>0.34054003422640555</v>
      </c>
    </row>
    <row r="55" spans="1:22">
      <c r="A55" s="49" t="s">
        <v>458</v>
      </c>
      <c r="B55" s="199">
        <v>269</v>
      </c>
      <c r="C55" s="200">
        <v>4.358065535635566</v>
      </c>
      <c r="D55" s="143">
        <v>0.34450263606842668</v>
      </c>
    </row>
    <row r="56" spans="1:22">
      <c r="A56" s="57" t="s">
        <v>459</v>
      </c>
      <c r="B56" s="197">
        <v>415</v>
      </c>
      <c r="C56" s="198">
        <v>4.0851455653828594</v>
      </c>
      <c r="D56" s="139">
        <v>0.20270215055134111</v>
      </c>
    </row>
    <row r="57" spans="1:22">
      <c r="A57" s="49" t="s">
        <v>460</v>
      </c>
      <c r="B57" s="199">
        <v>155</v>
      </c>
      <c r="C57" s="200">
        <v>4.2210400997836457</v>
      </c>
      <c r="D57" s="143">
        <v>0.31894434355858792</v>
      </c>
    </row>
    <row r="60" spans="1:22" ht="18.75">
      <c r="A60" s="331" t="s">
        <v>52</v>
      </c>
      <c r="B60" s="331"/>
      <c r="C60" s="331"/>
      <c r="D60" s="331"/>
      <c r="E60" s="331"/>
      <c r="F60" s="331"/>
      <c r="G60" s="331"/>
      <c r="H60" s="331"/>
      <c r="I60" s="331"/>
      <c r="J60" s="331"/>
      <c r="K60" s="331"/>
      <c r="L60" s="331"/>
      <c r="M60" s="331"/>
      <c r="N60" s="331"/>
      <c r="O60" s="331"/>
      <c r="P60" s="331"/>
      <c r="Q60" s="331"/>
      <c r="R60" s="331"/>
      <c r="S60" s="331"/>
      <c r="T60" s="331"/>
      <c r="U60" s="331"/>
      <c r="V60" s="331"/>
    </row>
    <row r="61" spans="1:22" ht="41.25" customHeight="1">
      <c r="A61" s="352" t="s">
        <v>218</v>
      </c>
      <c r="B61" s="352"/>
      <c r="C61" s="352"/>
      <c r="D61" s="352"/>
      <c r="E61" s="352"/>
      <c r="F61" s="352"/>
      <c r="G61" s="352"/>
      <c r="H61" s="352"/>
      <c r="I61" s="352"/>
      <c r="J61" s="352"/>
      <c r="K61" s="352"/>
      <c r="L61" s="352"/>
      <c r="M61" s="352"/>
      <c r="N61" s="352"/>
      <c r="O61" s="352"/>
      <c r="P61" s="352"/>
      <c r="Q61" s="352"/>
      <c r="R61" s="352"/>
      <c r="S61" s="352"/>
      <c r="T61" s="352"/>
      <c r="U61" s="352"/>
      <c r="V61" s="352"/>
    </row>
    <row r="62" spans="1:22" ht="36" customHeight="1">
      <c r="A62" s="64"/>
      <c r="B62" s="351" t="s">
        <v>219</v>
      </c>
      <c r="C62" s="351"/>
      <c r="D62" s="351"/>
      <c r="E62" s="351"/>
      <c r="F62" s="351"/>
      <c r="G62" s="351"/>
      <c r="H62" s="351"/>
      <c r="I62" s="351" t="s">
        <v>392</v>
      </c>
      <c r="J62" s="351"/>
      <c r="K62" s="351"/>
      <c r="L62" s="351"/>
      <c r="M62" s="351"/>
      <c r="N62" s="351"/>
      <c r="O62" s="351"/>
      <c r="P62" s="351" t="s">
        <v>220</v>
      </c>
      <c r="Q62" s="351"/>
      <c r="R62" s="351"/>
      <c r="S62" s="351"/>
      <c r="T62" s="351"/>
      <c r="U62" s="351"/>
      <c r="V62" s="351"/>
    </row>
    <row r="63" spans="1:22" ht="39.75" customHeight="1">
      <c r="A63" s="37" t="s">
        <v>114</v>
      </c>
      <c r="B63" s="38" t="s">
        <v>115</v>
      </c>
      <c r="C63" s="38" t="s">
        <v>300</v>
      </c>
      <c r="D63" s="93" t="s">
        <v>145</v>
      </c>
      <c r="E63" s="38" t="s">
        <v>301</v>
      </c>
      <c r="F63" s="93" t="s">
        <v>146</v>
      </c>
      <c r="G63" s="38" t="s">
        <v>302</v>
      </c>
      <c r="H63" s="93" t="s">
        <v>147</v>
      </c>
      <c r="I63" s="65" t="s">
        <v>115</v>
      </c>
      <c r="J63" s="65" t="s">
        <v>300</v>
      </c>
      <c r="K63" s="92" t="s">
        <v>145</v>
      </c>
      <c r="L63" s="65" t="s">
        <v>301</v>
      </c>
      <c r="M63" s="92" t="s">
        <v>146</v>
      </c>
      <c r="N63" s="65" t="s">
        <v>302</v>
      </c>
      <c r="O63" s="92" t="s">
        <v>147</v>
      </c>
      <c r="P63" s="38" t="s">
        <v>115</v>
      </c>
      <c r="Q63" s="38" t="s">
        <v>300</v>
      </c>
      <c r="R63" s="40" t="s">
        <v>145</v>
      </c>
      <c r="S63" s="38" t="s">
        <v>301</v>
      </c>
      <c r="T63" s="40" t="s">
        <v>146</v>
      </c>
      <c r="U63" s="38" t="s">
        <v>302</v>
      </c>
      <c r="V63" s="40" t="s">
        <v>147</v>
      </c>
    </row>
    <row r="64" spans="1:22" ht="71.25" customHeight="1">
      <c r="A64" s="41"/>
      <c r="B64" s="42" t="s">
        <v>118</v>
      </c>
      <c r="C64" s="42" t="s">
        <v>303</v>
      </c>
      <c r="D64" s="95" t="s">
        <v>213</v>
      </c>
      <c r="E64" s="42" t="s">
        <v>304</v>
      </c>
      <c r="F64" s="95" t="s">
        <v>214</v>
      </c>
      <c r="G64" s="42" t="s">
        <v>305</v>
      </c>
      <c r="H64" s="95" t="s">
        <v>215</v>
      </c>
      <c r="I64" s="68" t="s">
        <v>118</v>
      </c>
      <c r="J64" s="68" t="s">
        <v>303</v>
      </c>
      <c r="K64" s="94" t="s">
        <v>213</v>
      </c>
      <c r="L64" s="68" t="s">
        <v>304</v>
      </c>
      <c r="M64" s="94" t="s">
        <v>214</v>
      </c>
      <c r="N64" s="68" t="s">
        <v>305</v>
      </c>
      <c r="O64" s="94" t="s">
        <v>215</v>
      </c>
      <c r="P64" s="42" t="s">
        <v>118</v>
      </c>
      <c r="Q64" s="42" t="s">
        <v>303</v>
      </c>
      <c r="R64" s="44" t="s">
        <v>213</v>
      </c>
      <c r="S64" s="42" t="s">
        <v>304</v>
      </c>
      <c r="T64" s="44" t="s">
        <v>214</v>
      </c>
      <c r="U64" s="42" t="s">
        <v>305</v>
      </c>
      <c r="V64" s="44" t="s">
        <v>215</v>
      </c>
    </row>
    <row r="65" spans="1:22">
      <c r="A65" s="45" t="s">
        <v>449</v>
      </c>
      <c r="B65" s="201">
        <v>11596</v>
      </c>
      <c r="C65" s="202">
        <v>0.21999042342638581</v>
      </c>
      <c r="D65" s="98">
        <v>7.5395831731882136E-3</v>
      </c>
      <c r="E65" s="202">
        <v>0.22020626352462855</v>
      </c>
      <c r="F65" s="98">
        <v>7.5422345319408942E-3</v>
      </c>
      <c r="G65" s="203">
        <v>0.55980331304898567</v>
      </c>
      <c r="H65" s="98">
        <v>9.0337978237582228E-3</v>
      </c>
      <c r="I65" s="201">
        <v>11500</v>
      </c>
      <c r="J65" s="203">
        <v>0.44947861612951751</v>
      </c>
      <c r="K65" s="98">
        <v>9.0902286257651E-3</v>
      </c>
      <c r="L65" s="202">
        <v>0.21014065581151645</v>
      </c>
      <c r="M65" s="98">
        <v>7.4462560856853512E-3</v>
      </c>
      <c r="N65" s="202">
        <v>0.34038072805896602</v>
      </c>
      <c r="O65" s="98">
        <v>8.659202908957768E-3</v>
      </c>
      <c r="P65" s="201">
        <v>11554</v>
      </c>
      <c r="Q65" s="203">
        <v>0.54943040629841333</v>
      </c>
      <c r="R65" s="98">
        <v>9.070965074637654E-3</v>
      </c>
      <c r="S65" s="202">
        <v>0.22217646168141586</v>
      </c>
      <c r="T65" s="98">
        <v>7.5800382769108015E-3</v>
      </c>
      <c r="U65" s="202">
        <v>0.22839313202017075</v>
      </c>
      <c r="V65" s="98">
        <v>7.6545063044880885E-3</v>
      </c>
    </row>
    <row r="66" spans="1:22">
      <c r="A66" s="49" t="s">
        <v>450</v>
      </c>
      <c r="B66" s="204">
        <v>3232</v>
      </c>
      <c r="C66" s="205">
        <v>0.21162325980491517</v>
      </c>
      <c r="D66" s="101">
        <v>1.4082107962069748E-2</v>
      </c>
      <c r="E66" s="205">
        <v>0.19965533787651049</v>
      </c>
      <c r="F66" s="101">
        <v>1.3782673181793728E-2</v>
      </c>
      <c r="G66" s="206">
        <v>0.58872140231857439</v>
      </c>
      <c r="H66" s="101">
        <v>1.6954782491147326E-2</v>
      </c>
      <c r="I66" s="204">
        <v>3219</v>
      </c>
      <c r="J66" s="206">
        <v>0.44696289471963224</v>
      </c>
      <c r="K66" s="101">
        <v>1.7165043928496045E-2</v>
      </c>
      <c r="L66" s="205">
        <v>0.20545718087833706</v>
      </c>
      <c r="M66" s="101">
        <v>1.3958260970424572E-2</v>
      </c>
      <c r="N66" s="205">
        <v>0.34757992440203073</v>
      </c>
      <c r="O66" s="101">
        <v>1.6442660749513095E-2</v>
      </c>
      <c r="P66" s="204">
        <v>3235</v>
      </c>
      <c r="Q66" s="206">
        <v>0.53467565835152542</v>
      </c>
      <c r="R66" s="101">
        <v>1.7178145620018393E-2</v>
      </c>
      <c r="S66" s="205">
        <v>0.23111358195415152</v>
      </c>
      <c r="T66" s="101">
        <v>1.4524874766410812E-2</v>
      </c>
      <c r="U66" s="205">
        <v>0.23421075969432306</v>
      </c>
      <c r="V66" s="101">
        <v>1.4592162705285806E-2</v>
      </c>
    </row>
    <row r="67" spans="1:22">
      <c r="A67" s="53" t="s">
        <v>451</v>
      </c>
      <c r="B67" s="54">
        <v>257</v>
      </c>
      <c r="C67" s="190">
        <v>0.1740725412719889</v>
      </c>
      <c r="D67" s="98">
        <v>4.6515535020972776E-2</v>
      </c>
      <c r="E67" s="190">
        <v>0.28306826901490989</v>
      </c>
      <c r="F67" s="98">
        <v>5.4846197015017126E-2</v>
      </c>
      <c r="G67" s="190">
        <v>0.54285918971310121</v>
      </c>
      <c r="H67" s="98">
        <v>6.0444013710031705E-2</v>
      </c>
      <c r="I67" s="54">
        <v>252</v>
      </c>
      <c r="J67" s="190">
        <v>0.48891998126901687</v>
      </c>
      <c r="K67" s="98">
        <v>6.1235425626273328E-2</v>
      </c>
      <c r="L67" s="190">
        <v>0.15562300985993979</v>
      </c>
      <c r="M67" s="98">
        <v>4.502298220258627E-2</v>
      </c>
      <c r="N67" s="190">
        <v>0.35545700887104331</v>
      </c>
      <c r="O67" s="98">
        <v>5.8717652847925135E-2</v>
      </c>
      <c r="P67" s="54">
        <v>251</v>
      </c>
      <c r="Q67" s="190">
        <v>0.56128214959439326</v>
      </c>
      <c r="R67" s="98">
        <v>6.0921741190169118E-2</v>
      </c>
      <c r="S67" s="190">
        <v>0.26017285678650925</v>
      </c>
      <c r="T67" s="98">
        <v>5.4099403787046717E-2</v>
      </c>
      <c r="U67" s="190">
        <v>0.17854499361909751</v>
      </c>
      <c r="V67" s="98">
        <v>4.7518452535591948E-2</v>
      </c>
    </row>
    <row r="68" spans="1:22">
      <c r="A68" s="49" t="s">
        <v>452</v>
      </c>
      <c r="B68" s="204">
        <v>158</v>
      </c>
      <c r="C68" s="205">
        <v>0.16658709289558193</v>
      </c>
      <c r="D68" s="101">
        <v>5.8488164097100559E-2</v>
      </c>
      <c r="E68" s="205">
        <v>0.2204996626702308</v>
      </c>
      <c r="F68" s="101">
        <v>6.454636007550324E-2</v>
      </c>
      <c r="G68" s="206">
        <v>0.61291324443418727</v>
      </c>
      <c r="H68" s="101">
        <v>7.5105305223132787E-2</v>
      </c>
      <c r="I68" s="204">
        <v>158</v>
      </c>
      <c r="J68" s="206">
        <v>0.43612356040736711</v>
      </c>
      <c r="K68" s="101">
        <v>7.6396060205487518E-2</v>
      </c>
      <c r="L68" s="205">
        <v>0.23535269919490148</v>
      </c>
      <c r="M68" s="101">
        <v>6.5943489183923273E-2</v>
      </c>
      <c r="N68" s="205">
        <v>0.32852374039773136</v>
      </c>
      <c r="O68" s="101">
        <v>7.2561192851775355E-2</v>
      </c>
      <c r="P68" s="204">
        <v>158</v>
      </c>
      <c r="Q68" s="206">
        <v>0.56020153290643382</v>
      </c>
      <c r="R68" s="101">
        <v>7.6463347041307764E-2</v>
      </c>
      <c r="S68" s="205">
        <v>0.25379572294467961</v>
      </c>
      <c r="T68" s="101">
        <v>6.7535678291005236E-2</v>
      </c>
      <c r="U68" s="205">
        <v>0.18600274414888662</v>
      </c>
      <c r="V68" s="101">
        <v>6.0863817686838656E-2</v>
      </c>
    </row>
    <row r="69" spans="1:22">
      <c r="A69" s="57" t="s">
        <v>453</v>
      </c>
      <c r="B69" s="201">
        <v>330</v>
      </c>
      <c r="C69" s="202">
        <v>0.14266807685874333</v>
      </c>
      <c r="D69" s="98">
        <v>3.7970981240201804E-2</v>
      </c>
      <c r="E69" s="202">
        <v>0.16969419411664285</v>
      </c>
      <c r="F69" s="98">
        <v>4.0625825648267472E-2</v>
      </c>
      <c r="G69" s="203">
        <v>0.68763772902461384</v>
      </c>
      <c r="H69" s="98">
        <v>4.9800966132593057E-2</v>
      </c>
      <c r="I69" s="201">
        <v>328</v>
      </c>
      <c r="J69" s="203">
        <v>0.37457454099744036</v>
      </c>
      <c r="K69" s="98">
        <v>5.2106620580071303E-2</v>
      </c>
      <c r="L69" s="202">
        <v>0.25236767222789186</v>
      </c>
      <c r="M69" s="98">
        <v>4.6906359185041283E-2</v>
      </c>
      <c r="N69" s="202">
        <v>0.37305778677466772</v>
      </c>
      <c r="O69" s="98">
        <v>5.2065120915246378E-2</v>
      </c>
      <c r="P69" s="201">
        <v>330</v>
      </c>
      <c r="Q69" s="203">
        <v>0.47375773708230645</v>
      </c>
      <c r="R69" s="98">
        <v>5.3551068148803449E-2</v>
      </c>
      <c r="S69" s="202">
        <v>0.30281719537830198</v>
      </c>
      <c r="T69" s="98">
        <v>4.9385163448703036E-2</v>
      </c>
      <c r="U69" s="202">
        <v>0.22342506753939156</v>
      </c>
      <c r="V69" s="98">
        <v>4.490636299888278E-2</v>
      </c>
    </row>
    <row r="70" spans="1:22">
      <c r="A70" s="49" t="s">
        <v>454</v>
      </c>
      <c r="B70" s="204">
        <v>639</v>
      </c>
      <c r="C70" s="205">
        <v>0.18681870321564506</v>
      </c>
      <c r="D70" s="101">
        <v>3.024728410551826E-2</v>
      </c>
      <c r="E70" s="205">
        <v>0.2316992253234649</v>
      </c>
      <c r="F70" s="101">
        <v>3.2693761549554834E-2</v>
      </c>
      <c r="G70" s="206">
        <v>0.58148207146089004</v>
      </c>
      <c r="H70" s="101">
        <v>3.8137238951074279E-2</v>
      </c>
      <c r="I70" s="204">
        <v>637</v>
      </c>
      <c r="J70" s="206">
        <v>0.40094105719414536</v>
      </c>
      <c r="K70" s="101">
        <v>3.795005816965856E-2</v>
      </c>
      <c r="L70" s="205">
        <v>0.21818833008269778</v>
      </c>
      <c r="M70" s="101">
        <v>3.2066242051588714E-2</v>
      </c>
      <c r="N70" s="205">
        <v>0.38087061272315675</v>
      </c>
      <c r="O70" s="101">
        <v>3.7607029659731672E-2</v>
      </c>
      <c r="P70" s="204">
        <v>641</v>
      </c>
      <c r="Q70" s="206">
        <v>0.53216172009850571</v>
      </c>
      <c r="R70" s="101">
        <v>3.8508540744329058E-2</v>
      </c>
      <c r="S70" s="205">
        <v>0.2075855298194165</v>
      </c>
      <c r="T70" s="101">
        <v>3.1400904601058044E-2</v>
      </c>
      <c r="U70" s="205">
        <v>0.26025275008207777</v>
      </c>
      <c r="V70" s="101">
        <v>3.3924674845720232E-2</v>
      </c>
    </row>
    <row r="71" spans="1:22">
      <c r="A71" s="57" t="s">
        <v>455</v>
      </c>
      <c r="B71" s="201">
        <v>201</v>
      </c>
      <c r="C71" s="202">
        <v>0.18847884516182881</v>
      </c>
      <c r="D71" s="98">
        <v>5.4190135468300149E-2</v>
      </c>
      <c r="E71" s="202">
        <v>0.22168603189237873</v>
      </c>
      <c r="F71" s="98">
        <v>5.7353580412301014E-2</v>
      </c>
      <c r="G71" s="203">
        <v>0.58983512294579243</v>
      </c>
      <c r="H71" s="98">
        <v>6.7375721822883677E-2</v>
      </c>
      <c r="I71" s="201">
        <v>197</v>
      </c>
      <c r="J71" s="203">
        <v>0.4018097917603356</v>
      </c>
      <c r="K71" s="98">
        <v>6.7831419693405823E-2</v>
      </c>
      <c r="L71" s="202">
        <v>0.19233297631104304</v>
      </c>
      <c r="M71" s="98">
        <v>5.5138328800427017E-2</v>
      </c>
      <c r="N71" s="202">
        <v>0.40585723192862139</v>
      </c>
      <c r="O71" s="98">
        <v>6.7936686840076227E-2</v>
      </c>
      <c r="P71" s="201">
        <v>201</v>
      </c>
      <c r="Q71" s="203">
        <v>0.53637444850716776</v>
      </c>
      <c r="R71" s="98">
        <v>6.8271823849486199E-2</v>
      </c>
      <c r="S71" s="202">
        <v>0.27481312101835886</v>
      </c>
      <c r="T71" s="98">
        <v>6.1411199120822109E-2</v>
      </c>
      <c r="U71" s="202">
        <v>0.18881243047447341</v>
      </c>
      <c r="V71" s="98">
        <v>5.4224653499496768E-2</v>
      </c>
    </row>
    <row r="72" spans="1:22">
      <c r="A72" s="49" t="s">
        <v>456</v>
      </c>
      <c r="B72" s="204">
        <v>610</v>
      </c>
      <c r="C72" s="205">
        <v>0.18670862129567142</v>
      </c>
      <c r="D72" s="101">
        <v>3.095226067792196E-2</v>
      </c>
      <c r="E72" s="205">
        <v>0.20202066235741442</v>
      </c>
      <c r="F72" s="101">
        <v>3.1872294833832908E-2</v>
      </c>
      <c r="G72" s="206">
        <v>0.6112707163469141</v>
      </c>
      <c r="H72" s="101">
        <v>3.8570849185228559E-2</v>
      </c>
      <c r="I72" s="204">
        <v>614</v>
      </c>
      <c r="J72" s="206">
        <v>0.39838103408469039</v>
      </c>
      <c r="K72" s="101">
        <v>3.8609360336965583E-2</v>
      </c>
      <c r="L72" s="205">
        <v>0.21253081719206968</v>
      </c>
      <c r="M72" s="101">
        <v>3.2357031522596766E-2</v>
      </c>
      <c r="N72" s="205">
        <v>0.38908814872323993</v>
      </c>
      <c r="O72" s="101">
        <v>3.8452100176042628E-2</v>
      </c>
      <c r="P72" s="204">
        <v>619</v>
      </c>
      <c r="Q72" s="206">
        <v>0.50712165105888685</v>
      </c>
      <c r="R72" s="101">
        <v>3.9258939049399644E-2</v>
      </c>
      <c r="S72" s="205">
        <v>0.21977919577293015</v>
      </c>
      <c r="T72" s="101">
        <v>3.2612431102525832E-2</v>
      </c>
      <c r="U72" s="205">
        <v>0.27309915316818301</v>
      </c>
      <c r="V72" s="101">
        <v>3.5045273564619991E-2</v>
      </c>
    </row>
    <row r="73" spans="1:22">
      <c r="A73" s="57" t="s">
        <v>457</v>
      </c>
      <c r="B73" s="201">
        <v>192</v>
      </c>
      <c r="C73" s="202">
        <v>0.28953418985691848</v>
      </c>
      <c r="D73" s="98">
        <v>6.3772065083927937E-2</v>
      </c>
      <c r="E73" s="202">
        <v>0.20979916288884823</v>
      </c>
      <c r="F73" s="98">
        <v>5.7585083415655443E-2</v>
      </c>
      <c r="G73" s="203">
        <v>0.50066664725423327</v>
      </c>
      <c r="H73" s="98">
        <v>6.9999940294996926E-2</v>
      </c>
      <c r="I73" s="201">
        <v>194</v>
      </c>
      <c r="J73" s="203">
        <v>0.62607834100470017</v>
      </c>
      <c r="K73" s="98">
        <v>6.7486521258961596E-2</v>
      </c>
      <c r="L73" s="202">
        <v>0.21112839255401525</v>
      </c>
      <c r="M73" s="98">
        <v>5.741274509513309E-2</v>
      </c>
      <c r="N73" s="202">
        <v>0.16279326644128461</v>
      </c>
      <c r="O73" s="98">
        <v>5.2273995739940661E-2</v>
      </c>
      <c r="P73" s="201">
        <v>194</v>
      </c>
      <c r="Q73" s="203">
        <v>0.61213252338474256</v>
      </c>
      <c r="R73" s="98">
        <v>6.7943410486588418E-2</v>
      </c>
      <c r="S73" s="202">
        <v>0.15311045832234835</v>
      </c>
      <c r="T73" s="98">
        <v>5.1080254375431587E-2</v>
      </c>
      <c r="U73" s="202">
        <v>0.23475701829290915</v>
      </c>
      <c r="V73" s="98">
        <v>5.9498681765644906E-2</v>
      </c>
    </row>
    <row r="74" spans="1:22">
      <c r="A74" s="49" t="s">
        <v>458</v>
      </c>
      <c r="B74" s="204">
        <v>268</v>
      </c>
      <c r="C74" s="205">
        <v>0.30171486891716426</v>
      </c>
      <c r="D74" s="101">
        <v>5.469734683367819E-2</v>
      </c>
      <c r="E74" s="205">
        <v>0.12572848255828298</v>
      </c>
      <c r="F74" s="101">
        <v>4.0127681610464365E-2</v>
      </c>
      <c r="G74" s="206">
        <v>0.57255664852455279</v>
      </c>
      <c r="H74" s="101">
        <v>5.8810715553894798E-2</v>
      </c>
      <c r="I74" s="204">
        <v>267</v>
      </c>
      <c r="J74" s="206">
        <v>0.56159996810028934</v>
      </c>
      <c r="K74" s="101">
        <v>5.9090585905288769E-2</v>
      </c>
      <c r="L74" s="205">
        <v>0.19316750654831727</v>
      </c>
      <c r="M74" s="101">
        <v>4.741766634495518E-2</v>
      </c>
      <c r="N74" s="205">
        <v>0.24523252535139339</v>
      </c>
      <c r="O74" s="101">
        <v>5.1485738559558909E-2</v>
      </c>
      <c r="P74" s="204">
        <v>267</v>
      </c>
      <c r="Q74" s="206">
        <v>0.65456339697809207</v>
      </c>
      <c r="R74" s="101">
        <v>5.6702564870966643E-2</v>
      </c>
      <c r="S74" s="205">
        <v>0.13421013988598468</v>
      </c>
      <c r="T74" s="101">
        <v>4.1264481471225606E-2</v>
      </c>
      <c r="U74" s="205">
        <v>0.21122646313592328</v>
      </c>
      <c r="V74" s="101">
        <v>4.8953455576280974E-2</v>
      </c>
    </row>
    <row r="75" spans="1:22">
      <c r="A75" s="57" t="s">
        <v>459</v>
      </c>
      <c r="B75" s="201">
        <v>415</v>
      </c>
      <c r="C75" s="202">
        <v>0.27135303902064511</v>
      </c>
      <c r="D75" s="98">
        <v>4.268381890044462E-2</v>
      </c>
      <c r="E75" s="202">
        <v>0.15729919948471885</v>
      </c>
      <c r="F75" s="98">
        <v>3.5153970855842279E-2</v>
      </c>
      <c r="G75" s="203">
        <v>0.57134776149463606</v>
      </c>
      <c r="H75" s="98">
        <v>4.7395555798130026E-2</v>
      </c>
      <c r="I75" s="201">
        <v>411</v>
      </c>
      <c r="J75" s="203">
        <v>0.4587124024550388</v>
      </c>
      <c r="K75" s="98">
        <v>4.7945174179327414E-2</v>
      </c>
      <c r="L75" s="202">
        <v>0.19700142697729403</v>
      </c>
      <c r="M75" s="98">
        <v>3.8479409233626485E-2</v>
      </c>
      <c r="N75" s="202">
        <v>0.34428617056766714</v>
      </c>
      <c r="O75" s="98">
        <v>4.5761046397923361E-2</v>
      </c>
      <c r="P75" s="201">
        <v>412</v>
      </c>
      <c r="Q75" s="203">
        <v>0.50002910325043981</v>
      </c>
      <c r="R75" s="98">
        <v>4.8048453029018834E-2</v>
      </c>
      <c r="S75" s="202">
        <v>0.25933669301756457</v>
      </c>
      <c r="T75" s="98">
        <v>4.2237803377921927E-2</v>
      </c>
      <c r="U75" s="202">
        <v>0.24063420373199559</v>
      </c>
      <c r="V75" s="98">
        <v>4.1222865599230996E-2</v>
      </c>
    </row>
    <row r="76" spans="1:22">
      <c r="A76" s="49" t="s">
        <v>460</v>
      </c>
      <c r="B76" s="204">
        <v>153</v>
      </c>
      <c r="C76" s="205">
        <v>0.24139565377201891</v>
      </c>
      <c r="D76" s="101">
        <v>6.755100144192816E-2</v>
      </c>
      <c r="E76" s="205">
        <v>0.22858466083329837</v>
      </c>
      <c r="F76" s="101">
        <v>6.6372817733677203E-2</v>
      </c>
      <c r="G76" s="206">
        <v>0.53001968539468269</v>
      </c>
      <c r="H76" s="101">
        <v>7.8078524105400449E-2</v>
      </c>
      <c r="I76" s="204">
        <v>153</v>
      </c>
      <c r="J76" s="206">
        <v>0.57228573069646105</v>
      </c>
      <c r="K76" s="101">
        <v>7.7432385894788666E-2</v>
      </c>
      <c r="L76" s="205">
        <v>0.15641004970950326</v>
      </c>
      <c r="M76" s="101">
        <v>5.8085061793618886E-2</v>
      </c>
      <c r="N76" s="205">
        <v>0.27130421959403572</v>
      </c>
      <c r="O76" s="101">
        <v>7.0012975301992089E-2</v>
      </c>
      <c r="P76" s="204">
        <v>154</v>
      </c>
      <c r="Q76" s="206">
        <v>0.56133675377967107</v>
      </c>
      <c r="R76" s="101">
        <v>7.7405298190009048E-2</v>
      </c>
      <c r="S76" s="205">
        <v>0.28597556812934583</v>
      </c>
      <c r="T76" s="101">
        <v>7.0854951126400875E-2</v>
      </c>
      <c r="U76" s="205">
        <v>0.15268767809098313</v>
      </c>
      <c r="V76" s="101">
        <v>5.73778195150959E-2</v>
      </c>
    </row>
  </sheetData>
  <mergeCells count="17">
    <mergeCell ref="A3:D3"/>
    <mergeCell ref="A4:D4"/>
    <mergeCell ref="A5:D5"/>
    <mergeCell ref="A22:AC22"/>
    <mergeCell ref="A23:AC23"/>
    <mergeCell ref="B24:H24"/>
    <mergeCell ref="I24:O24"/>
    <mergeCell ref="P24:V24"/>
    <mergeCell ref="W24:AC24"/>
    <mergeCell ref="A41:D41"/>
    <mergeCell ref="A42:D42"/>
    <mergeCell ref="A43:D43"/>
    <mergeCell ref="A60:V60"/>
    <mergeCell ref="A61:V61"/>
    <mergeCell ref="B62:H62"/>
    <mergeCell ref="I62:O62"/>
    <mergeCell ref="P62:V62"/>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31240</cp:lastModifiedBy>
  <dcterms:created xsi:type="dcterms:W3CDTF">2014-05-19T04:59:05Z</dcterms:created>
  <dcterms:modified xsi:type="dcterms:W3CDTF">2018-01-16T23:14:45Z</dcterms:modified>
</cp:coreProperties>
</file>